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014282\Desktop\サーバーダウン回避(終わったらファイル削除)\波木汚水中継ポンプ場機械設備工事\"/>
    </mc:Choice>
  </mc:AlternateContent>
  <bookViews>
    <workbookView xWindow="9630" yWindow="180" windowWidth="10485" windowHeight="7680" tabRatio="822" activeTab="1"/>
  </bookViews>
  <sheets>
    <sheet name="内訳書" sheetId="30" r:id="rId1"/>
    <sheet name="AM工事内訳" sheetId="29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</externalReferences>
  <definedNames>
    <definedName name="_" localSheetId="0">#REF!</definedName>
    <definedName name="_">#REF!</definedName>
    <definedName name="____RE2" localSheetId="0">#REF!</definedName>
    <definedName name="____RE2">#REF!</definedName>
    <definedName name="____SUB2" localSheetId="0">#REF!</definedName>
    <definedName name="____SUB2">#REF!</definedName>
    <definedName name="____SUB3">#REF!</definedName>
    <definedName name="____SUB4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123Graph_A外装" hidden="1">[1]仮設躯体!#REF!</definedName>
    <definedName name="__123Graph_A躯体" hidden="1">[1]仮設躯体!#REF!</definedName>
    <definedName name="__123Graph_A建築" hidden="1">[1]仮設躯体!#REF!</definedName>
    <definedName name="__123Graph_A室内" hidden="1">[1]仮設躯体!#REF!</definedName>
    <definedName name="__123Graph_A土工" hidden="1">[1]仮設躯体!#REF!</definedName>
    <definedName name="__123Graph_A内装" hidden="1">[1]仮設躯体!#REF!</definedName>
    <definedName name="__123Graph_X外装" hidden="1">[1]仮設躯体!#REF!</definedName>
    <definedName name="__123Graph_X躯体" hidden="1">[1]仮設躯体!#REF!</definedName>
    <definedName name="__123Graph_X建築" hidden="1">[1]仮設躯体!#REF!</definedName>
    <definedName name="__123Graph_X室内" hidden="1">[1]仮設躯体!#REF!</definedName>
    <definedName name="__123Graph_X土工" hidden="1">[1]仮設躯体!#REF!</definedName>
    <definedName name="__123Graph_X内装" hidden="1">[1]仮設躯体!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1">#REF!</definedName>
    <definedName name="_1000">#REF!</definedName>
    <definedName name="_1010">[2]見積01!#REF!</definedName>
    <definedName name="_1020">[2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2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3]Sheet2!#REF!</definedName>
    <definedName name="_123Graph" hidden="1">[3]Sheet2!#REF!</definedName>
    <definedName name="_13">[2]見積01!#REF!</definedName>
    <definedName name="_14">[2]見積01!#REF!</definedName>
    <definedName name="_15">[2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Print_Area_02">#REF!</definedName>
    <definedName name="_2">[2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Print_Area_03">#REF!</definedName>
    <definedName name="_2ページまで">#REF!</definedName>
    <definedName name="_33">#REF!</definedName>
    <definedName name="_3Print_Area_02">#REF!</definedName>
    <definedName name="_3ページまで">#REF!</definedName>
    <definedName name="_3行挿入">#REF!</definedName>
    <definedName name="_44">#REF!</definedName>
    <definedName name="_4Print_Area_03">#REF!</definedName>
    <definedName name="_4ページまで">#REF!</definedName>
    <definedName name="_50">#REF!</definedName>
    <definedName name="_55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BOX01">#REF!</definedName>
    <definedName name="_BOX02">#REF!</definedName>
    <definedName name="_BOX03">#REF!</definedName>
    <definedName name="_BUN2">[4]歩・屋!$E$5:$T$16</definedName>
    <definedName name="_Fill" hidden="1">#REF!</definedName>
    <definedName name="_I1">#REF!</definedName>
    <definedName name="_I2">#REF!</definedName>
    <definedName name="_I3">#REF!</definedName>
    <definedName name="_Key1" hidden="1">[4]内・屋外!#REF!</definedName>
    <definedName name="_Key2" hidden="1">[4]内・屋外!#REF!</definedName>
    <definedName name="_Order1" hidden="1">255</definedName>
    <definedName name="_Order2" hidden="1">255</definedName>
    <definedName name="_P1">#REF!</definedName>
    <definedName name="_p2">#REF!</definedName>
    <definedName name="_p3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4]内・屋外!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\0">#REF!</definedName>
    <definedName name="\1">#REF!</definedName>
    <definedName name="￥1250">#REF!</definedName>
    <definedName name="￥1900">#REF!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N/A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[5]表紙!#REF!</definedName>
    <definedName name="\O1">#REF!</definedName>
    <definedName name="\p">#REF!</definedName>
    <definedName name="\P1">[6]労務集計!$N$6</definedName>
    <definedName name="\q">#REF!</definedName>
    <definedName name="\r">#REF!</definedName>
    <definedName name="\s">#REF!</definedName>
    <definedName name="\t">#REF!</definedName>
    <definedName name="\u">#N/A</definedName>
    <definedName name="\v">[5]表紙!#REF!</definedName>
    <definedName name="\w">#REF!</definedName>
    <definedName name="\x">#REF!</definedName>
    <definedName name="\y">#REF!</definedName>
    <definedName name="\z">#REF!</definedName>
    <definedName name="￥あ">[7]土工!$D$2</definedName>
    <definedName name="\一覧表">#REF!</definedName>
    <definedName name="\印刷設定">#REF!</definedName>
    <definedName name="\印刷設定一">#REF!</definedName>
    <definedName name="A">[8]表紙!#REF!</definedName>
    <definedName name="AA">#REF!</definedName>
    <definedName name="AAA">#REF!</definedName>
    <definedName name="AAAA">#REF!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9]!Anzen</definedName>
    <definedName name="AnzenHyouji">[9]!AnzenHyouji</definedName>
    <definedName name="AS">#REF!</definedName>
    <definedName name="ASDVIUI">#REF!</definedName>
    <definedName name="AUTOEXEC">#REF!</definedName>
    <definedName name="B">#REF!</definedName>
    <definedName name="B4OUT">#REF!</definedName>
    <definedName name="B5OUT">#REF!</definedName>
    <definedName name="BANGOU">#REF!</definedName>
    <definedName name="BG">#REF!</definedName>
    <definedName name="BUN">[4]歩・屋!$E$5:$T$16</definedName>
    <definedName name="B種">#REF!</definedName>
    <definedName name="Ｂ代価">#REF!</definedName>
    <definedName name="C0">#REF!</definedName>
    <definedName name="CC">#REF!</definedName>
    <definedName name="COUNTER">[10]表紙!#REF!</definedName>
    <definedName name="_xlnm.Criteria">#REF!</definedName>
    <definedName name="Criteria_MI">#REF!</definedName>
    <definedName name="CV3C2">[11]ｹｰﾌﾞﾙ計!#REF!</definedName>
    <definedName name="cv3c2_">[12]ｹｰﾌﾞﾙ労務!#REF!</definedName>
    <definedName name="CVVS2C2">[11]ｹｰﾌﾞﾙ計!#REF!</definedName>
    <definedName name="ｃｚ">#REF!</definedName>
    <definedName name="Ｃ既存校舎">[13]内訳書!#REF!</definedName>
    <definedName name="C種">#REF!</definedName>
    <definedName name="Ｃ代価">#REF!</definedName>
    <definedName name="Ｃ代価表一覧表">#REF!</definedName>
    <definedName name="D">#REF!</definedName>
    <definedName name="data">[14]一位代価!$1:$1048576</definedName>
    <definedName name="_xlnm.Database">#REF!</definedName>
    <definedName name="Database_MI">#REF!</definedName>
    <definedName name="DD">#REF!</definedName>
    <definedName name="DK">17902</definedName>
    <definedName name="DKT">19100</definedName>
    <definedName name="ＤＳ">#REF!</definedName>
    <definedName name="Dグランド照明">[13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9]!Eizen</definedName>
    <definedName name="EizenHyouji">[9]!EizenHyouji</definedName>
    <definedName name="EK">#REF!</definedName>
    <definedName name="ES">#REF!</definedName>
    <definedName name="EV">#REF!</definedName>
    <definedName name="_xlnm.Extract">[15]一位代価!#REF!</definedName>
    <definedName name="Extract_MI">#REF!</definedName>
    <definedName name="F">#REF!</definedName>
    <definedName name="FL">[4]歩・屋!$D$4:$D$43</definedName>
    <definedName name="FNA">#REF!</definedName>
    <definedName name="FOR総括表">#REF!</definedName>
    <definedName name="FS">14522</definedName>
    <definedName name="G">#REF!</definedName>
    <definedName name="G_A0001" hidden="1">#REF!</definedName>
    <definedName name="G_A0002" hidden="1">#REF!</definedName>
    <definedName name="G_A0003" hidden="1">#REF!</definedName>
    <definedName name="G_A0004" hidden="1">#REF!</definedName>
    <definedName name="G_A0005" hidden="1">#REF!</definedName>
    <definedName name="G_A0006" hidden="1">#REF!</definedName>
    <definedName name="G_A0008" hidden="1">#REF!</definedName>
    <definedName name="G_A0009" hidden="1">#REF!</definedName>
    <definedName name="G_B0001" hidden="1">#REF!</definedName>
    <definedName name="G_B0002" hidden="1">#REF!</definedName>
    <definedName name="G_B0003" hidden="1">#REF!</definedName>
    <definedName name="G_B0004" hidden="1">#REF!</definedName>
    <definedName name="G_B0005" hidden="1">#REF!</definedName>
    <definedName name="G_B0006" hidden="1">#REF!</definedName>
    <definedName name="G_B0007" hidden="1">#REF!</definedName>
    <definedName name="G_B0008" hidden="1">#REF!</definedName>
    <definedName name="G_B0009" hidden="1">#REF!</definedName>
    <definedName name="G_B0010" hidden="1">#REF!</definedName>
    <definedName name="G_B0011" hidden="1">#REF!</definedName>
    <definedName name="G_B0012" hidden="1">#REF!</definedName>
    <definedName name="G_B0015" hidden="1">#REF!</definedName>
    <definedName name="G_B0016" hidden="1">#REF!</definedName>
    <definedName name="G_B0017" hidden="1">#REF!</definedName>
    <definedName name="G_B0018" hidden="1">#REF!</definedName>
    <definedName name="G_B0019" hidden="1">#REF!</definedName>
    <definedName name="G_B0020" hidden="1">#REF!</definedName>
    <definedName name="G_B0021" hidden="1">#REF!</definedName>
    <definedName name="G_B0022" hidden="1">#REF!</definedName>
    <definedName name="G_B0023" hidden="1">#REF!</definedName>
    <definedName name="G_B0024" hidden="1">#REF!</definedName>
    <definedName name="G_B0025" hidden="1">#REF!</definedName>
    <definedName name="G_B0026" hidden="1">#REF!</definedName>
    <definedName name="G_D0001" hidden="1">#REF!</definedName>
    <definedName name="G_D0002" hidden="1">#REF!</definedName>
    <definedName name="G_D0003" hidden="1">#REF!</definedName>
    <definedName name="G_D0004" hidden="1">#REF!</definedName>
    <definedName name="G_D0005" hidden="1">#REF!</definedName>
    <definedName name="G_D0006" hidden="1">#REF!</definedName>
    <definedName name="G_D0007" hidden="1">#REF!</definedName>
    <definedName name="G_D0008" hidden="1">#REF!</definedName>
    <definedName name="G_D0009" hidden="1">#REF!</definedName>
    <definedName name="G_D0010" hidden="1">#REF!</definedName>
    <definedName name="G_D0011" hidden="1">#REF!</definedName>
    <definedName name="G_D0012" hidden="1">#REF!</definedName>
    <definedName name="G_D0013" hidden="1">#REF!</definedName>
    <definedName name="G_D0014" hidden="1">#REF!</definedName>
    <definedName name="G_D0015" hidden="1">#REF!</definedName>
    <definedName name="G_D0016" hidden="1">#REF!</definedName>
    <definedName name="G_D0017" hidden="1">#REF!</definedName>
    <definedName name="G_D0018" hidden="1">#REF!</definedName>
    <definedName name="G_D0019" hidden="1">#REF!</definedName>
    <definedName name="G_D0020" hidden="1">#REF!</definedName>
    <definedName name="G_D0021" hidden="1">#REF!</definedName>
    <definedName name="G_D0022" hidden="1">#REF!</definedName>
    <definedName name="G_D0023" hidden="1">#REF!</definedName>
    <definedName name="G_D0024" hidden="1">#REF!</definedName>
    <definedName name="G_D0025" hidden="1">#REF!</definedName>
    <definedName name="G_D0026" hidden="1">#REF!</definedName>
    <definedName name="G_D0027" hidden="1">#REF!</definedName>
    <definedName name="G_D0028" hidden="1">#REF!</definedName>
    <definedName name="G_D0029" hidden="1">#REF!</definedName>
    <definedName name="G_D0031" hidden="1">#REF!</definedName>
    <definedName name="G_D0033" hidden="1">#REF!</definedName>
    <definedName name="G_D0034" hidden="1">#REF!</definedName>
    <definedName name="G_D0035" hidden="1">#REF!</definedName>
    <definedName name="G_D0036" hidden="1">#REF!</definedName>
    <definedName name="G_D0038" hidden="1">#REF!</definedName>
    <definedName name="G_D0039" hidden="1">#REF!</definedName>
    <definedName name="G_D0040" hidden="1">#REF!</definedName>
    <definedName name="G_D0041" hidden="1">#REF!</definedName>
    <definedName name="G_D0042" hidden="1">#REF!</definedName>
    <definedName name="G_D0043" hidden="1">#REF!</definedName>
    <definedName name="G_D0044" hidden="1">#REF!</definedName>
    <definedName name="G_D0045" hidden="1">#REF!</definedName>
    <definedName name="G_D0046" hidden="1">#REF!</definedName>
    <definedName name="G_D0047" hidden="1">#REF!</definedName>
    <definedName name="G_D0048" hidden="1">#REF!</definedName>
    <definedName name="G_D0049" hidden="1">#REF!</definedName>
    <definedName name="G_D0050" hidden="1">#REF!</definedName>
    <definedName name="G_D0051" hidden="1">#REF!</definedName>
    <definedName name="G_D0052" hidden="1">#REF!</definedName>
    <definedName name="G_D0053" hidden="1">#REF!</definedName>
    <definedName name="G_D0054" hidden="1">#REF!</definedName>
    <definedName name="G_D0055" hidden="1">#REF!</definedName>
    <definedName name="G_D0056" hidden="1">#REF!</definedName>
    <definedName name="G_D0057" hidden="1">#REF!</definedName>
    <definedName name="G_D0058" hidden="1">#REF!</definedName>
    <definedName name="G_D0059" hidden="1">#REF!</definedName>
    <definedName name="G_D0060" hidden="1">#REF!</definedName>
    <definedName name="G_D0061" hidden="1">#REF!</definedName>
    <definedName name="G_D0062" hidden="1">#REF!</definedName>
    <definedName name="G_D0063" hidden="1">#REF!</definedName>
    <definedName name="G_D0076" hidden="1">#REF!</definedName>
    <definedName name="G_D0077" hidden="1">#REF!</definedName>
    <definedName name="G_D0078" hidden="1">#REF!</definedName>
    <definedName name="G_D0079" hidden="1">#REF!</definedName>
    <definedName name="G_D0081" hidden="1">#REF!</definedName>
    <definedName name="G_D0083" hidden="1">#REF!</definedName>
    <definedName name="G_D0084" hidden="1">#REF!</definedName>
    <definedName name="G_D0085" hidden="1">#REF!</definedName>
    <definedName name="G_D0086" hidden="1">#REF!</definedName>
    <definedName name="G_D0087" hidden="1">#REF!</definedName>
    <definedName name="G_D0088" hidden="1">#REF!</definedName>
    <definedName name="G_D0089" hidden="1">#REF!</definedName>
    <definedName name="G_D0090" hidden="1">#REF!</definedName>
    <definedName name="G_D0091" hidden="1">#REF!</definedName>
    <definedName name="G_D0092" hidden="1">#REF!</definedName>
    <definedName name="G_D0093" hidden="1">#REF!</definedName>
    <definedName name="G_D0094" hidden="1">#REF!</definedName>
    <definedName name="G_D0095" hidden="1">#REF!</definedName>
    <definedName name="G_D0099" hidden="1">#REF!</definedName>
    <definedName name="G_D0102" hidden="1">#REF!</definedName>
    <definedName name="G_D0103" hidden="1">#REF!</definedName>
    <definedName name="G_D0104" hidden="1">#REF!</definedName>
    <definedName name="G_D0105" hidden="1">#REF!</definedName>
    <definedName name="G_D0107" hidden="1">#REF!</definedName>
    <definedName name="G_D0109" hidden="1">#REF!</definedName>
    <definedName name="G_D0110" hidden="1">#REF!</definedName>
    <definedName name="G_D0111" hidden="1">#REF!</definedName>
    <definedName name="G_D0112" hidden="1">#REF!</definedName>
    <definedName name="G_D0113" hidden="1">#REF!</definedName>
    <definedName name="G_D0114" hidden="1">#REF!</definedName>
    <definedName name="G_D0115" hidden="1">#REF!</definedName>
    <definedName name="G_D0116" hidden="1">#REF!</definedName>
    <definedName name="G_D0117" hidden="1">#REF!</definedName>
    <definedName name="G_D0118" hidden="1">#REF!</definedName>
    <definedName name="G_D0119" hidden="1">#REF!</definedName>
    <definedName name="G_D0121" hidden="1">#REF!</definedName>
    <definedName name="G_D0122" hidden="1">#REF!</definedName>
    <definedName name="G_D0123" hidden="1">#REF!</definedName>
    <definedName name="G_F0001" hidden="1">#REF!</definedName>
    <definedName name="G_F0002" hidden="1">#REF!</definedName>
    <definedName name="GenbaKanri">[9]!GenbaKanri</definedName>
    <definedName name="GenbaKanriHyouji">[9]!GenbaKanriHyouji</definedName>
    <definedName name="ＧＴ">[4]歩・屋!$W$12</definedName>
    <definedName name="H">#REF!</definedName>
    <definedName name="HH">#REF!</definedName>
    <definedName name="ｈｈｈ">[4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localSheetId="0" hidden="1">{"設定1",#N/A,FALSE,"第5号-1";"設定2",#N/A,FALSE,"第5号-1"}</definedName>
    <definedName name="iii" hidden="1">{"設定1",#N/A,FALSE,"第5号-1";"設定2",#N/A,FALSE,"第5号-1"}</definedName>
    <definedName name="IN_KNN">#REF!</definedName>
    <definedName name="int">#REF!</definedName>
    <definedName name="IppanKanri">[9]!IppanKanri</definedName>
    <definedName name="IppanKanriHyouji">[9]!IppanKanriHyouji</definedName>
    <definedName name="J">#REF!</definedName>
    <definedName name="Junbi">[9]!Junbi</definedName>
    <definedName name="JunbiHyouji">[9]!JunbiHyouji</definedName>
    <definedName name="Ｋ">#REF!</definedName>
    <definedName name="K_0" hidden="1">#REF!</definedName>
    <definedName name="KH">22720</definedName>
    <definedName name="KHK">0</definedName>
    <definedName name="kkk">[16]入力一般管理!#REF!</definedName>
    <definedName name="kkkkk" localSheetId="0" hidden="1">{"設定1",#N/A,FALSE,"第5号-1";"設定2",#N/A,FALSE,"第5号-1"}</definedName>
    <definedName name="kkkkk" hidden="1">{"設定1",#N/A,FALSE,"第5号-1";"設定2",#N/A,FALSE,"第5号-1"}</definedName>
    <definedName name="KR">#REF!</definedName>
    <definedName name="KS">0.18</definedName>
    <definedName name="kt">'[17]代価表 '!$Z$4</definedName>
    <definedName name="ｌ">[18]!印刷</definedName>
    <definedName name="L3554Ｌ３０００">#REF!</definedName>
    <definedName name="LL">#REF!</definedName>
    <definedName name="LOOPN">[10]表紙!#REF!</definedName>
    <definedName name="LOOPS">[10]表紙!#REF!</definedName>
    <definedName name="LOOP入">[10]表紙!#REF!</definedName>
    <definedName name="LOOP抜">[10]表紙!#REF!</definedName>
    <definedName name="Ｍ">#REF!</definedName>
    <definedName name="MENUA">[10]表紙!#REF!</definedName>
    <definedName name="MENUB">[10]表紙!#REF!</definedName>
    <definedName name="MENUE">[10]表紙!#REF!</definedName>
    <definedName name="MENUP">[10]表紙!#REF!</definedName>
    <definedName name="MENUP2">[10]表紙!#REF!</definedName>
    <definedName name="MI">#REF!</definedName>
    <definedName name="mm">[5]表紙!#REF!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17]代価表 '!$Z$2</definedName>
    <definedName name="P">'[17]代価表 '!$Z$6</definedName>
    <definedName name="P_1" hidden="1">#REF!</definedName>
    <definedName name="P_10" hidden="1">#REF!</definedName>
    <definedName name="P_100" hidden="1">#REF!</definedName>
    <definedName name="P_101" hidden="1">#REF!</definedName>
    <definedName name="P_102" hidden="1">#REF!</definedName>
    <definedName name="P_103" hidden="1">#REF!</definedName>
    <definedName name="P_104" hidden="1">#REF!</definedName>
    <definedName name="P_105" hidden="1">#REF!</definedName>
    <definedName name="P_106" hidden="1">#REF!</definedName>
    <definedName name="P_107" hidden="1">#REF!</definedName>
    <definedName name="P_108" hidden="1">#REF!</definedName>
    <definedName name="P_109" hidden="1">#REF!</definedName>
    <definedName name="P_11" hidden="1">#REF!</definedName>
    <definedName name="P_110" hidden="1">#REF!</definedName>
    <definedName name="P_111" hidden="1">#REF!</definedName>
    <definedName name="P_112" hidden="1">#REF!</definedName>
    <definedName name="P_113" hidden="1">#REF!</definedName>
    <definedName name="P_114" hidden="1">#REF!</definedName>
    <definedName name="P_115" hidden="1">#REF!</definedName>
    <definedName name="P_116" hidden="1">#REF!</definedName>
    <definedName name="P_117" hidden="1">#REF!</definedName>
    <definedName name="P_118" hidden="1">#REF!</definedName>
    <definedName name="P_119" hidden="1">#REF!</definedName>
    <definedName name="P_12" hidden="1">#REF!</definedName>
    <definedName name="P_120" hidden="1">#REF!</definedName>
    <definedName name="P_121" hidden="1">#REF!</definedName>
    <definedName name="P_122" hidden="1">#REF!</definedName>
    <definedName name="P_123" hidden="1">#REF!</definedName>
    <definedName name="P_124" hidden="1">#REF!</definedName>
    <definedName name="P_125" hidden="1">#REF!</definedName>
    <definedName name="P_126" hidden="1">#REF!</definedName>
    <definedName name="P_127" hidden="1">#REF!</definedName>
    <definedName name="P_128" hidden="1">#REF!</definedName>
    <definedName name="P_129" hidden="1">#REF!</definedName>
    <definedName name="P_13" hidden="1">#REF!</definedName>
    <definedName name="P_130" hidden="1">#REF!</definedName>
    <definedName name="P_131" hidden="1">#REF!</definedName>
    <definedName name="P_132" hidden="1">#REF!</definedName>
    <definedName name="P_133" hidden="1">#REF!</definedName>
    <definedName name="P_134" hidden="1">#REF!</definedName>
    <definedName name="P_135" hidden="1">#REF!</definedName>
    <definedName name="P_136" hidden="1">#REF!</definedName>
    <definedName name="P_137" hidden="1">#REF!</definedName>
    <definedName name="P_138" hidden="1">#REF!</definedName>
    <definedName name="P_139" hidden="1">#REF!</definedName>
    <definedName name="P_14" hidden="1">#REF!</definedName>
    <definedName name="P_140" hidden="1">#REF!</definedName>
    <definedName name="P_141" hidden="1">#REF!</definedName>
    <definedName name="P_142" hidden="1">#REF!</definedName>
    <definedName name="P_143" hidden="1">#REF!</definedName>
    <definedName name="P_144" hidden="1">#REF!</definedName>
    <definedName name="P_145" hidden="1">#REF!</definedName>
    <definedName name="P_146" hidden="1">#REF!</definedName>
    <definedName name="P_147" hidden="1">#REF!</definedName>
    <definedName name="P_15" hidden="1">#REF!</definedName>
    <definedName name="P_16" hidden="1">#REF!</definedName>
    <definedName name="P_17" hidden="1">#REF!</definedName>
    <definedName name="P_18" hidden="1">#REF!</definedName>
    <definedName name="P_19" hidden="1">#REF!</definedName>
    <definedName name="P_2" hidden="1">#REF!</definedName>
    <definedName name="P_20" hidden="1">#REF!</definedName>
    <definedName name="P_21" hidden="1">#REF!</definedName>
    <definedName name="P_22" hidden="1">#REF!</definedName>
    <definedName name="P_23" hidden="1">#REF!</definedName>
    <definedName name="P_24" hidden="1">#REF!</definedName>
    <definedName name="P_25" hidden="1">#REF!</definedName>
    <definedName name="P_26" hidden="1">#REF!</definedName>
    <definedName name="P_27" hidden="1">#REF!</definedName>
    <definedName name="P_28" hidden="1">#REF!</definedName>
    <definedName name="P_29" hidden="1">#REF!</definedName>
    <definedName name="P_3" hidden="1">#REF!</definedName>
    <definedName name="P_30" hidden="1">#REF!</definedName>
    <definedName name="P_31" hidden="1">#REF!</definedName>
    <definedName name="P_32" hidden="1">#REF!</definedName>
    <definedName name="P_33" hidden="1">#REF!</definedName>
    <definedName name="P_34" hidden="1">#REF!</definedName>
    <definedName name="P_35" hidden="1">#REF!</definedName>
    <definedName name="P_36" hidden="1">#REF!</definedName>
    <definedName name="P_37" hidden="1">#REF!</definedName>
    <definedName name="P_38" hidden="1">#REF!</definedName>
    <definedName name="P_39" hidden="1">#REF!</definedName>
    <definedName name="P_4" hidden="1">#REF!</definedName>
    <definedName name="P_40" hidden="1">#REF!</definedName>
    <definedName name="P_41" hidden="1">#REF!</definedName>
    <definedName name="P_42" hidden="1">#REF!</definedName>
    <definedName name="P_43" hidden="1">#REF!</definedName>
    <definedName name="P_44" hidden="1">#REF!</definedName>
    <definedName name="P_45" hidden="1">#REF!</definedName>
    <definedName name="P_46" hidden="1">#REF!</definedName>
    <definedName name="P_47" hidden="1">#REF!</definedName>
    <definedName name="P_48" hidden="1">#REF!</definedName>
    <definedName name="P_49" hidden="1">#REF!</definedName>
    <definedName name="P_5" hidden="1">#REF!</definedName>
    <definedName name="P_50" hidden="1">#REF!</definedName>
    <definedName name="P_51" hidden="1">#REF!</definedName>
    <definedName name="P_52" hidden="1">#REF!</definedName>
    <definedName name="P_53" hidden="1">#REF!</definedName>
    <definedName name="P_54" hidden="1">#REF!</definedName>
    <definedName name="P_55" hidden="1">#REF!</definedName>
    <definedName name="P_56" hidden="1">#REF!</definedName>
    <definedName name="P_57" hidden="1">#REF!</definedName>
    <definedName name="P_58" hidden="1">#REF!</definedName>
    <definedName name="P_59" hidden="1">#REF!</definedName>
    <definedName name="P_6" hidden="1">#REF!</definedName>
    <definedName name="P_60" hidden="1">#REF!</definedName>
    <definedName name="P_61" hidden="1">#REF!</definedName>
    <definedName name="P_62" hidden="1">#REF!</definedName>
    <definedName name="P_63" hidden="1">#REF!</definedName>
    <definedName name="P_64" hidden="1">#REF!</definedName>
    <definedName name="P_65" hidden="1">#REF!</definedName>
    <definedName name="P_66" hidden="1">#REF!</definedName>
    <definedName name="P_67" hidden="1">#REF!</definedName>
    <definedName name="P_68" hidden="1">#REF!</definedName>
    <definedName name="P_69" hidden="1">#REF!</definedName>
    <definedName name="P_7" hidden="1">#REF!</definedName>
    <definedName name="P_70" hidden="1">#REF!</definedName>
    <definedName name="P_71" hidden="1">#REF!</definedName>
    <definedName name="P_72" hidden="1">#REF!</definedName>
    <definedName name="P_73" hidden="1">#REF!</definedName>
    <definedName name="P_74" hidden="1">#REF!</definedName>
    <definedName name="P_75" hidden="1">#REF!</definedName>
    <definedName name="P_76" hidden="1">#REF!</definedName>
    <definedName name="P_77" hidden="1">#REF!</definedName>
    <definedName name="P_78" hidden="1">#REF!</definedName>
    <definedName name="P_79" hidden="1">#REF!</definedName>
    <definedName name="P_8" hidden="1">#REF!</definedName>
    <definedName name="P_80" hidden="1">#REF!</definedName>
    <definedName name="P_81" hidden="1">#REF!</definedName>
    <definedName name="P_82" hidden="1">#REF!</definedName>
    <definedName name="P_83" hidden="1">#REF!</definedName>
    <definedName name="P_84" hidden="1">#REF!</definedName>
    <definedName name="P_85" hidden="1">#REF!</definedName>
    <definedName name="P_86" hidden="1">#REF!</definedName>
    <definedName name="P_87" hidden="1">#REF!</definedName>
    <definedName name="P_88" hidden="1">#REF!</definedName>
    <definedName name="P_89" hidden="1">#REF!</definedName>
    <definedName name="P_9" hidden="1">#REF!</definedName>
    <definedName name="P_90" hidden="1">#REF!</definedName>
    <definedName name="P_91" hidden="1">#REF!</definedName>
    <definedName name="P_92" hidden="1">#REF!</definedName>
    <definedName name="P_93" hidden="1">#REF!</definedName>
    <definedName name="P_94" hidden="1">#REF!</definedName>
    <definedName name="P_95" hidden="1">#REF!</definedName>
    <definedName name="P_96" hidden="1">#REF!</definedName>
    <definedName name="P_97" hidden="1">#REF!</definedName>
    <definedName name="P_98" hidden="1">#REF!</definedName>
    <definedName name="P_99" hidden="1">#REF!</definedName>
    <definedName name="PBOX200">[11]ｹｰﾌﾞﾙ計!#REF!</definedName>
    <definedName name="PE管28">[11]ｹｰﾌﾞﾙ計!#REF!</definedName>
    <definedName name="PE管42">[11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内訳書!$A$1:$K$93</definedName>
    <definedName name="_xlnm.Print_Area">#REF!</definedName>
    <definedName name="Print_Area_MI" localSheetId="0">#REF!</definedName>
    <definedName name="Print_Area_MI">#REF!</definedName>
    <definedName name="Print_Area１" localSheetId="0">#REF!</definedName>
    <definedName name="Print_Area１">#REF!</definedName>
    <definedName name="Print_Area２" localSheetId="0">[19]消火栓材料表!#REF!</definedName>
    <definedName name="Print_Area２">[19]消火栓材料表!#REF!</definedName>
    <definedName name="Print_Area3" localSheetId="0">#REF!</definedName>
    <definedName name="Print_Area3">#REF!</definedName>
    <definedName name="Print_Area4" localSheetId="0">#REF!</definedName>
    <definedName name="Print_Area4">#REF!</definedName>
    <definedName name="Print_Area5" localSheetId="0">#REF!</definedName>
    <definedName name="Print_Area5">#REF!</definedName>
    <definedName name="_xlnm.Print_Titles" localSheetId="0">内訳書!$1:$3</definedName>
    <definedName name="_xlnm.Print_Titles">#REF!</definedName>
    <definedName name="PRINT_TITLES_MI" localSheetId="0">#REF!</definedName>
    <definedName name="PRINT_TITLES_MI">#REF!</definedName>
    <definedName name="prn" localSheetId="0">#REF!</definedName>
    <definedName name="prn">#REF!</definedName>
    <definedName name="Q">#REF!</definedName>
    <definedName name="QD">#REF!</definedName>
    <definedName name="QH">#REF!</definedName>
    <definedName name="qwu" localSheetId="0" hidden="1">{"設定1",#N/A,FALSE,"第5号-1";"設定2",#N/A,FALSE,"第5号-1"}</definedName>
    <definedName name="qwu" hidden="1">{"設定1",#N/A,FALSE,"第5号-1";"設定2",#N/A,FALSE,"第5号-1"}</definedName>
    <definedName name="RE">#REF!</definedName>
    <definedName name="RENP">#REF!</definedName>
    <definedName name="RF">#REF!</definedName>
    <definedName name="ro">'[4]拾・幹線(屋)'!$O$10</definedName>
    <definedName name="RS" localSheetId="0">#REF!</definedName>
    <definedName name="RS">#REF!</definedName>
    <definedName name="RUM" localSheetId="0">#REF!</definedName>
    <definedName name="RUM">#REF!</definedName>
    <definedName name="RV" localSheetId="0">#REF!</definedName>
    <definedName name="RV">#REF!</definedName>
    <definedName name="s">#REF!</definedName>
    <definedName name="SAB">#REF!</definedName>
    <definedName name="SCV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7]土工!#REF!</definedName>
    <definedName name="SUB">#REF!</definedName>
    <definedName name="T">#REF!</definedName>
    <definedName name="TF">#REF!</definedName>
    <definedName name="to">'[4]拾・幹線(屋)'!$O$14</definedName>
    <definedName name="TORA">'[4]#REF'!$C$5:$S$38</definedName>
    <definedName name="TPAJI" localSheetId="0">#REF!</definedName>
    <definedName name="TPAJI">#REF!</definedName>
    <definedName name="TS">16892</definedName>
    <definedName name="T区" localSheetId="0">#REF!</definedName>
    <definedName name="T区">#REF!</definedName>
    <definedName name="U" localSheetId="0">#REF!</definedName>
    <definedName name="U">#REF!</definedName>
    <definedName name="UG">#REF!</definedName>
    <definedName name="UHY">#REF!</definedName>
    <definedName name="Unnpan">[9]!Unnpan</definedName>
    <definedName name="V">#REF!</definedName>
    <definedName name="VNJ">#REF!</definedName>
    <definedName name="W">#REF!</definedName>
    <definedName name="WA">#REF!</definedName>
    <definedName name="wrn.REP1." localSheetId="0" hidden="1">{"設定1",#N/A,FALSE,"第5号-1";"設定2",#N/A,FALSE,"第5号-1"}</definedName>
    <definedName name="wrn.REP1." hidden="1">{"設定1",#N/A,FALSE,"第5号-1";"設定2",#N/A,FALSE,"第5号-1"}</definedName>
    <definedName name="wrn.REP2" localSheetId="0" hidden="1">{"設定1",#N/A,FALSE,"第5号-1";"設定2",#N/A,FALSE,"第5号-1"}</definedName>
    <definedName name="wrn.REP2" hidden="1">{"設定1",#N/A,FALSE,"第5号-1";"設定2",#N/A,FALSE,"第5号-1"}</definedName>
    <definedName name="wrn.上清水開削４." localSheetId="0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X">#REF!</definedName>
    <definedName name="XC">#REF!</definedName>
    <definedName name="XMIN">#REF!</definedName>
    <definedName name="Y">#REF!</definedName>
    <definedName name="Yusou">[9]!Yusou</definedName>
    <definedName name="YusouHyouji">[9]!YusouHyouji</definedName>
    <definedName name="ｙｙ">[10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8]表紙!#REF!</definedName>
    <definedName name="あ">[8]表紙!#REF!</definedName>
    <definedName name="あ1">#REF!</definedName>
    <definedName name="あああ">#REF!</definedName>
    <definedName name="ああああ">#REF!</definedName>
    <definedName name="ああああああ">[8]表紙!#REF!</definedName>
    <definedName name="ｱｽﾌｧﾙﾄ乳剤PK3">#REF!</definedName>
    <definedName name="ｱｾﾁﾚﾝ">#REF!</definedName>
    <definedName name="いいいい">[9]!Anzen</definedName>
    <definedName name="いらない列1">#REF!</definedName>
    <definedName name="いらない列2">#REF!</definedName>
    <definedName name="ｴﾙﾎﾞφ20">#REF!</definedName>
    <definedName name="ｴﾙﾎﾞφ25">#REF!</definedName>
    <definedName name="ｴﾙﾎﾞφ40">#REF!</definedName>
    <definedName name="お">'[4]#REF'!$C$5:$S$38</definedName>
    <definedName name="ｶﾞｽPS" localSheetId="0">#REF!</definedName>
    <definedName name="ｶﾞｽPS">#REF!</definedName>
    <definedName name="ガス給湯器">[4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20]府県別労務!$C$50</definedName>
    <definedName name="くうちょう" localSheetId="0">#REF!</definedName>
    <definedName name="くうちょう">#REF!</definedName>
    <definedName name="グランド照明">[13]内訳書!#REF!</definedName>
    <definedName name="ｸﾚｰﾝ付ﾄﾗｯｸ運転2.9t">#REF!</definedName>
    <definedName name="ｸﾛｽ集計範囲">#REF!</definedName>
    <definedName name="ｺﾝｸﾘｰﾄ混和剤">#REF!</definedName>
    <definedName name="ｺﾝﾏ小数点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4]#REF'!$U$1:$AK$2</definedName>
    <definedName name="ｽﾞｰﾑ">[1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だいＫ">[21]表紙!#REF!</definedName>
    <definedName name="ﾀｲﾄﾙ行" localSheetId="0">#REF!</definedName>
    <definedName name="ﾀｲﾄﾙ行">#REF!</definedName>
    <definedName name="タイル工" localSheetId="0">#REF!</definedName>
    <definedName name="タイル工">#REF!</definedName>
    <definedName name="ダク" localSheetId="0">[22]明細!#REF!</definedName>
    <definedName name="ダク">[22]明細!#REF!</definedName>
    <definedName name="ダクタイル鋳鉄管" localSheetId="0">#REF!</definedName>
    <definedName name="ダクタイル鋳鉄管">#REF!</definedName>
    <definedName name="ダクト" localSheetId="0">[22]明細!#REF!</definedName>
    <definedName name="ダクト">[22]明細!#REF!</definedName>
    <definedName name="ダクト工" localSheetId="0">#REF!</definedName>
    <definedName name="ダクト工">#REF!</definedName>
    <definedName name="ﾀﾝﾊﾟｰ運転舗装用" localSheetId="0">#REF!</definedName>
    <definedName name="ﾀﾝﾊﾟｰ運転舗装用">#REF!</definedName>
    <definedName name="ﾀﾝﾊﾟｰ運転埋戻用" localSheetId="0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 localSheetId="0">内訳書!テスト</definedName>
    <definedName name="テスト">[0]!テスト</definedName>
    <definedName name="テスト１" localSheetId="0">内訳書!テスト１</definedName>
    <definedName name="テスト１">[0]!テスト１</definedName>
    <definedName name="てすと１" localSheetId="0">内訳書!てすと１</definedName>
    <definedName name="てすと１">[0]!てすと１</definedName>
    <definedName name="テスト２" localSheetId="0">内訳書!テスト２</definedName>
    <definedName name="テスト２">[0]!テスト２</definedName>
    <definedName name="てすと２" localSheetId="0">内訳書!てすと２</definedName>
    <definedName name="てすと２">[0]!てすと２</definedName>
    <definedName name="テスト３" localSheetId="0">内訳書!テスト３</definedName>
    <definedName name="テスト３">[0]!テスト３</definedName>
    <definedName name="てすと３" localSheetId="0">内訳書!てすと３</definedName>
    <definedName name="てすと３">[0]!てすと３</definedName>
    <definedName name="テスト４" localSheetId="0">内訳書!テスト４</definedName>
    <definedName name="テスト４">[0]!テスト４</definedName>
    <definedName name="てすと８" localSheetId="0">内訳書!てすと８</definedName>
    <definedName name="てすと８">[0]!てすと８</definedName>
    <definedName name="とび工" localSheetId="0">#REF!</definedName>
    <definedName name="とび工">#REF!</definedName>
    <definedName name="ﾄﾗｯｸ">'[4]#REF'!$K$1</definedName>
    <definedName name="ﾄﾗｯｸｸﾚｰﾝ運転4.8_4.9t" localSheetId="0">#REF!</definedName>
    <definedName name="ﾄﾗｯｸｸﾚｰﾝ運転4.8_4.9t">#REF!</definedName>
    <definedName name="ﾄﾗｯｸｸﾚｰﾝ賃料4.9t" localSheetId="0">#REF!</definedName>
    <definedName name="ﾄﾗｯｸｸﾚｰﾝ賃料4.9t">#REF!</definedName>
    <definedName name="ﾄﾗｯｸ運転2t" localSheetId="0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4]愛駿寮公共下水道接続工事!#REF!</definedName>
    <definedName name="ﾊﾝﾄﾞﾎｰﾙ２" localSheetId="0">#REF!</definedName>
    <definedName name="ﾊﾝﾄﾞﾎｰﾙ２">#REF!</definedName>
    <definedName name="ふ" localSheetId="0">#REF!</definedName>
    <definedName name="ふ">#REF!</definedName>
    <definedName name="プリカ50" localSheetId="0">[11]ｹｰﾌﾞﾙ計!#REF!</definedName>
    <definedName name="プリカ50">[11]ｹｰﾌﾞﾙ計!#REF!</definedName>
    <definedName name="ブロック工" localSheetId="0">#REF!</definedName>
    <definedName name="ブロック工">#REF!</definedName>
    <definedName name="ポンプ">[4]歩・屋!$W$5</definedName>
    <definedName name="ポンプB">[4]歩・屋!$W$5</definedName>
    <definedName name="ﾒｰｶｰﾘｽﾄ">[23]見積･重量!#REF!</definedName>
    <definedName name="ﾒｰﾀｰφ13" localSheetId="0">#REF!</definedName>
    <definedName name="ﾒｰﾀｰφ13">#REF!</definedName>
    <definedName name="ﾒｰﾀｰφ16" localSheetId="0">#REF!</definedName>
    <definedName name="ﾒｰﾀｰφ16">#REF!</definedName>
    <definedName name="ﾒｰﾀｰφ20" localSheetId="0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タ">#REF!</definedName>
    <definedName name="モルタ">#REF!</definedName>
    <definedName name="モルタル">#REF!</definedName>
    <definedName name="モルタル１２">#REF!</definedName>
    <definedName name="ﾛﾗｰ運転0.8_1.1t">#REF!</definedName>
    <definedName name="ﾛﾗｰ運転3.0_4.0t">#REF!</definedName>
    <definedName name="安全">#REF!</definedName>
    <definedName name="按分">#REF!</definedName>
    <definedName name="移動">#REF!</definedName>
    <definedName name="一">#REF!</definedName>
    <definedName name="一位代価">#REF!</definedName>
    <definedName name="一般運転手">#REF!</definedName>
    <definedName name="一般労務費">#REF!</definedName>
    <definedName name="印刷">[24]!印刷</definedName>
    <definedName name="印刷05" localSheetId="0">#REF!</definedName>
    <definedName name="印刷05">#REF!</definedName>
    <definedName name="印刷1">[25]!印刷</definedName>
    <definedName name="印刷10" localSheetId="0">#REF!</definedName>
    <definedName name="印刷10">#REF!</definedName>
    <definedName name="印刷2" localSheetId="0">#REF!</definedName>
    <definedName name="印刷2">#REF!</definedName>
    <definedName name="印刷20" localSheetId="0">#REF!</definedName>
    <definedName name="印刷20">#REF!</definedName>
    <definedName name="印刷3">[26]!印刷</definedName>
    <definedName name="印刷30" localSheetId="0">#REF!</definedName>
    <definedName name="印刷30">#REF!</definedName>
    <definedName name="印刷40" localSheetId="0">#REF!</definedName>
    <definedName name="印刷40">#REF!</definedName>
    <definedName name="印刷50" localSheetId="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27]表紙!#REF!</definedName>
    <definedName name="雨水濾過">[4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営繕">#REF!</definedName>
    <definedName name="汚水桝">[28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1]外部!$A$1</definedName>
    <definedName name="屋根ふき工" localSheetId="0">#REF!</definedName>
    <definedName name="屋根ふき工">#REF!</definedName>
    <definedName name="屋内ｶﾞｽ" localSheetId="0">#REF!</definedName>
    <definedName name="屋内ｶﾞｽ">#REF!</definedName>
    <definedName name="屋内給水" localSheetId="0">#REF!</definedName>
    <definedName name="屋内給水">#REF!</definedName>
    <definedName name="屋内排水">#REF!</definedName>
    <definedName name="化粧鏡">#REF!</definedName>
    <definedName name="仮">[29]亜鉛鉄板!$AP$1</definedName>
    <definedName name="仮ＮＯ" localSheetId="0">#REF!</definedName>
    <definedName name="仮ＮＯ">#REF!</definedName>
    <definedName name="仮囲い" localSheetId="0">内訳書!仮囲い</definedName>
    <definedName name="仮囲い">[0]!仮囲い</definedName>
    <definedName name="仮囲い１" localSheetId="0">内訳書!仮囲い１</definedName>
    <definedName name="仮囲い１">[0]!仮囲い１</definedName>
    <definedName name="仮囲い２" localSheetId="0">内訳書!仮囲い２</definedName>
    <definedName name="仮囲い２">[0]!仮囲い２</definedName>
    <definedName name="仮囲い３" localSheetId="0">内訳書!仮囲い３</definedName>
    <definedName name="仮囲い３">[0]!仮囲い３</definedName>
    <definedName name="仮囲い４" localSheetId="0">内訳書!仮囲い４</definedName>
    <definedName name="仮囲い４">[0]!仮囲い４</definedName>
    <definedName name="仮囲い５" localSheetId="0">内訳書!仮囲い５</definedName>
    <definedName name="仮囲い５">[0]!仮囲い５</definedName>
    <definedName name="仮設" localSheetId="0">#REF!</definedName>
    <definedName name="仮設">#REF!</definedName>
    <definedName name="開始頁" localSheetId="0">[27]表紙!#REF!</definedName>
    <definedName name="開始頁">[27]表紙!#REF!</definedName>
    <definedName name="外構">[1]外構!$A$1</definedName>
    <definedName name="外部建具">[1]外部!$A$193</definedName>
    <definedName name="確認0" localSheetId="0">#REF!</definedName>
    <definedName name="確認0">#REF!</definedName>
    <definedName name="換気" localSheetId="0">#REF!</definedName>
    <definedName name="換気">#REF!</definedName>
    <definedName name="環境" localSheetId="0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3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記号">[30]表紙!#REF!</definedName>
    <definedName name="記号3">[31]搬入据付様式!#REF!</definedName>
    <definedName name="記号4">[31]搬入据付様式!#REF!</definedName>
    <definedName name="記号5">[31]搬入据付様式!#REF!</definedName>
    <definedName name="記号6">[31]搬入据付様式!#REF!</definedName>
    <definedName name="軌道工" localSheetId="0">#REF!</definedName>
    <definedName name="軌道工">#REF!</definedName>
    <definedName name="鬼崎1" localSheetId="0">#REF!</definedName>
    <definedName name="鬼崎1">#REF!</definedName>
    <definedName name="技師_Ａ" localSheetId="0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吸出防止材">[32]明細書!#REF!</definedName>
    <definedName name="給水PS" localSheetId="0">#REF!</definedName>
    <definedName name="給水PS">#REF!</definedName>
    <definedName name="給湯" localSheetId="0">#REF!</definedName>
    <definedName name="給湯">#REF!</definedName>
    <definedName name="共" localSheetId="0">#REF!</definedName>
    <definedName name="共">#REF!</definedName>
    <definedName name="共仮">#REF!</definedName>
    <definedName name="共通">[1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10]表紙!#REF!</definedName>
    <definedName name="金抜き設計書">#REF!</definedName>
    <definedName name="金抜設定">[27]表紙!#REF!</definedName>
    <definedName name="躯体">[1]仮設躯体!$A$182</definedName>
    <definedName name="掘削">[8]表紙!#REF!</definedName>
    <definedName name="掘削梁">[8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経費">[4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1]内訳!$A$42</definedName>
    <definedName name="建築ﾌﾞﾛｯｸ工" localSheetId="0">#REF!</definedName>
    <definedName name="建築ﾌﾞﾛｯｸ工">#REF!</definedName>
    <definedName name="建築一般率表" localSheetId="0">#REF!</definedName>
    <definedName name="建築一般率表">#REF!</definedName>
    <definedName name="建築現場改率表" localSheetId="0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依頼業者">#REF!</definedName>
    <definedName name="見積依頼業者リスト">#REF!</definedName>
    <definedName name="見積空調">'[33]代価表 '!#REF!</definedName>
    <definedName name="見積比較換気">'[34]代価表 '!$Z$2</definedName>
    <definedName name="見積比較表">'[35]代価表 '!$Z$2</definedName>
    <definedName name="見比衛生2">'[36]代価表 '!#REF!</definedName>
    <definedName name="原価" localSheetId="0">#REF!</definedName>
    <definedName name="原価">#REF!</definedName>
    <definedName name="現" localSheetId="0">#REF!</definedName>
    <definedName name="現">#REF!</definedName>
    <definedName name="現管" localSheetId="0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37]設計書入力!$DT$23:$DU$700</definedName>
    <definedName name="工事件名">[38]工事総括!$C$3</definedName>
    <definedName name="工事明細" localSheetId="0">#REF!</definedName>
    <definedName name="工事明細">#REF!</definedName>
    <definedName name="工場派遣労務費" localSheetId="0">#REF!</definedName>
    <definedName name="工場派遣労務費">#REF!</definedName>
    <definedName name="甲形止水栓φ20" localSheetId="0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27]表紙!#REF!</definedName>
    <definedName name="根拠範囲">[4]歩・屋!$B$3:$AD$372</definedName>
    <definedName name="左官">#REF!</definedName>
    <definedName name="査定率">#REF!</definedName>
    <definedName name="査定率表">[23]見積･重量!#REF!</definedName>
    <definedName name="砕石">[39]一位代価表!$F$147</definedName>
    <definedName name="細粒度AS" localSheetId="0">#REF!</definedName>
    <definedName name="細粒度AS">#REF!</definedName>
    <definedName name="材種">[40]鉄骨DATA!$A$2:$A$10</definedName>
    <definedName name="削除" localSheetId="0">#REF!</definedName>
    <definedName name="削除">#REF!</definedName>
    <definedName name="撮影士" localSheetId="0">#REF!</definedName>
    <definedName name="撮影士">#REF!</definedName>
    <definedName name="撮影助手" localSheetId="0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施工区分">#REF!</definedName>
    <definedName name="室内">[1]内訳!$A$249</definedName>
    <definedName name="実行" localSheetId="0">#REF!</definedName>
    <definedName name="実行">#REF!</definedName>
    <definedName name="主任技師" localSheetId="0">#REF!</definedName>
    <definedName name="主任技師">#REF!</definedName>
    <definedName name="主任技術者" localSheetId="0">#REF!</definedName>
    <definedName name="主任技術者">#REF!</definedName>
    <definedName name="主任地質調査員">#REF!</definedName>
    <definedName name="種別">[23]見積･重量!#REF!</definedName>
    <definedName name="修正">[10]表紙!#REF!</definedName>
    <definedName name="修正1">[10]表紙!#REF!</definedName>
    <definedName name="修正2">[10]表紙!#REF!</definedName>
    <definedName name="修正3">[10]表紙!#REF!</definedName>
    <definedName name="修正4">[10]表紙!#REF!</definedName>
    <definedName name="修正5">[27]表紙!#REF!</definedName>
    <definedName name="修正6">[27]表紙!#REF!</definedName>
    <definedName name="修正年月">[41]目次!$B$2</definedName>
    <definedName name="終了">#N/A</definedName>
    <definedName name="出力">#REF!</definedName>
    <definedName name="出力２">'[4]#REF'!$U$5:$AK$5</definedName>
    <definedName name="準備" localSheetId="0">#REF!</definedName>
    <definedName name="準備">#REF!</definedName>
    <definedName name="純元" localSheetId="0">#REF!</definedName>
    <definedName name="純元">#REF!</definedName>
    <definedName name="純工" localSheetId="0">#REF!</definedName>
    <definedName name="純工">#REF!</definedName>
    <definedName name="処分費" localSheetId="0">内訳書!処分費</definedName>
    <definedName name="処分費">[0]!処分費</definedName>
    <definedName name="処分費１" localSheetId="0">内訳書!処分費１</definedName>
    <definedName name="処分費１">[0]!処分費１</definedName>
    <definedName name="処分費２" localSheetId="0">内訳書!処分費２</definedName>
    <definedName name="処分費２">[0]!処分費２</definedName>
    <definedName name="処分費３" localSheetId="0">内訳書!処分費３</definedName>
    <definedName name="処分費３">[0]!処分費３</definedName>
    <definedName name="小計">[37]設計書入力!$FD$21:$GH$23</definedName>
    <definedName name="小配管" localSheetId="0">#REF!</definedName>
    <definedName name="小配管">#REF!</definedName>
    <definedName name="小配管弁類" localSheetId="0">#REF!</definedName>
    <definedName name="小配管弁類">#REF!</definedName>
    <definedName name="小便器" localSheetId="0">#REF!</definedName>
    <definedName name="小便器">#REF!</definedName>
    <definedName name="松阪市">#REF!</definedName>
    <definedName name="照明器具_K201">#REF!</definedName>
    <definedName name="省略単価">#REF!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4]歩・屋!$W$6</definedName>
    <definedName name="水槽_鉄">[4]歩・屋!$W$7</definedName>
    <definedName name="水中ポンプ">[39]一位代価表!$F$223</definedName>
    <definedName name="数値" localSheetId="0">#REF!</definedName>
    <definedName name="数値">#REF!</definedName>
    <definedName name="数値コピー" localSheetId="0">#REF!</definedName>
    <definedName name="数値コピー">#REF!</definedName>
    <definedName name="数量" localSheetId="0">#REF!</definedName>
    <definedName name="数量">#REF!</definedName>
    <definedName name="数量1">#REF!</definedName>
    <definedName name="整備士">#REF!</definedName>
    <definedName name="生コンFｰ160">#REF!</definedName>
    <definedName name="生コンFｰ210">#REF!</definedName>
    <definedName name="請負額算定">[42]!印刷</definedName>
    <definedName name="石工" localSheetId="0">#REF!</definedName>
    <definedName name="石工">#REF!</definedName>
    <definedName name="切込砕石Cｰ30" localSheetId="0">#REF!</definedName>
    <definedName name="切込砕石Cｰ30">#REF!</definedName>
    <definedName name="切込砕石Cｰ40" localSheetId="0">#REF!</definedName>
    <definedName name="切込砕石Cｰ40">#REF!</definedName>
    <definedName name="切込砕石Cｰ80">#REF!</definedName>
    <definedName name="設計">[30]表紙!#REF!</definedName>
    <definedName name="設計技術員" localSheetId="0">#REF!</definedName>
    <definedName name="設計技術員">#REF!</definedName>
    <definedName name="設計書表紙金入" localSheetId="0">#REF!</definedName>
    <definedName name="設計書表紙金入">#REF!</definedName>
    <definedName name="設計書表紙金抜" localSheetId="0">#REF!</definedName>
    <definedName name="設計書表紙金抜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10]表紙!#REF!</definedName>
    <definedName name="粗粒AS">#REF!</definedName>
    <definedName name="創">#REF!</definedName>
    <definedName name="操縦士">#REF!</definedName>
    <definedName name="総括">[1]内訳!$A$1</definedName>
    <definedName name="造園工" localSheetId="0">#REF!</definedName>
    <definedName name="造園工">#REF!</definedName>
    <definedName name="測量技師" localSheetId="0">#REF!</definedName>
    <definedName name="測量技師">#REF!</definedName>
    <definedName name="測量技師補" localSheetId="0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4]歩・屋!$W$11</definedName>
    <definedName name="代価根拠範囲">[4]歩・屋!$B$3:$AD$362</definedName>
    <definedName name="代価電気">[43]一位代価!$1:$1048576</definedName>
    <definedName name="大工" localSheetId="0">#REF!</definedName>
    <definedName name="大工">#REF!</definedName>
    <definedName name="大便器" localSheetId="0">#REF!</definedName>
    <definedName name="大便器">#REF!</definedName>
    <definedName name="単位" localSheetId="0">#REF!</definedName>
    <definedName name="単位">#REF!</definedName>
    <definedName name="単価">#REF!</definedName>
    <definedName name="単価コード">[44]単価コード!$B:$H</definedName>
    <definedName name="地質調査員" localSheetId="0">#REF!</definedName>
    <definedName name="地質調査員">#REF!</definedName>
    <definedName name="地質調査技師" localSheetId="0">#REF!</definedName>
    <definedName name="地質調査技師">#REF!</definedName>
    <definedName name="中部" localSheetId="0">#REF!</definedName>
    <definedName name="中部">#REF!</definedName>
    <definedName name="鋳鉄管">#REF!</definedName>
    <definedName name="鋳鉄管切断機500以下">#REF!</definedName>
    <definedName name="鋳鉄管弁類">#REF!</definedName>
    <definedName name="直仮">[1]内訳!$A$79</definedName>
    <definedName name="直工" localSheetId="0">#REF!</definedName>
    <definedName name="直工">#REF!</definedName>
    <definedName name="直接工事費" localSheetId="0">#REF!</definedName>
    <definedName name="直接工事費">#REF!</definedName>
    <definedName name="低減率" localSheetId="0">#REF!</definedName>
    <definedName name="低減率">#REF!</definedName>
    <definedName name="提出範囲">[4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4]歩・屋!$W$9</definedName>
    <definedName name="電気温水器B">[4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工">#REF!</definedName>
    <definedName name="電工1">[11]ｹｰﾌﾞﾙ計!#REF!</definedName>
    <definedName name="電線管埋設">#REF!</definedName>
    <definedName name="電柱基礎">#REF!</definedName>
    <definedName name="吐">[22]内訳!#REF!</definedName>
    <definedName name="吐１">[22]内訳!#REF!</definedName>
    <definedName name="吐出">[22]内訳!#REF!</definedName>
    <definedName name="吐出弁">[22]内訳!#REF!</definedName>
    <definedName name="塗装" localSheetId="0">#REF!</definedName>
    <definedName name="塗装">#REF!</definedName>
    <definedName name="塗装・被覆工" localSheetId="0">#REF!</definedName>
    <definedName name="塗装・被覆工">#REF!</definedName>
    <definedName name="塗装工" localSheetId="0">#REF!</definedName>
    <definedName name="塗装工">#REF!</definedName>
    <definedName name="塗装費">#REF!</definedName>
    <definedName name="土工">#REF!</definedName>
    <definedName name="土木一般世話役">#REF!</definedName>
    <definedName name="土木世話役">#REF!</definedName>
    <definedName name="土留工">#REF!</definedName>
    <definedName name="土量計算書">[8]表紙!#REF!</definedName>
    <definedName name="東海">#REF!</definedName>
    <definedName name="当り">#REF!</definedName>
    <definedName name="頭出しA">[6]修正履歴!#REF!</definedName>
    <definedName name="特殊運転手" localSheetId="0">#REF!</definedName>
    <definedName name="特殊運転手">#REF!</definedName>
    <definedName name="特殊作業員" localSheetId="0">#REF!</definedName>
    <definedName name="特殊作業員">#REF!</definedName>
    <definedName name="内屋根">[1]内訳!$A$153</definedName>
    <definedName name="内外構">[1]内訳!$A$361</definedName>
    <definedName name="内躯体">[1]内訳!$A$56</definedName>
    <definedName name="内装工" localSheetId="0">#REF!</definedName>
    <definedName name="内装工">#REF!</definedName>
    <definedName name="内部建具">[1]内部!$A$1</definedName>
    <definedName name="内部雑">[1]内訳!$A$316</definedName>
    <definedName name="内訳">[45]表紙!#REF!</definedName>
    <definedName name="内訳2">[46]内訳!#REF!</definedName>
    <definedName name="内訳一覧" localSheetId="0">#REF!</definedName>
    <definedName name="内訳一覧">#REF!</definedName>
    <definedName name="内訳書">[47]別紙内訳!#REF!</definedName>
    <definedName name="二次" localSheetId="0">#REF!</definedName>
    <definedName name="二次">#REF!</definedName>
    <definedName name="入力" localSheetId="0">#REF!</definedName>
    <definedName name="入力">#REF!</definedName>
    <definedName name="入力項目印刷" localSheetId="0">#REF!</definedName>
    <definedName name="入力項目印刷">#REF!</definedName>
    <definedName name="入力項目表印刷">#REF!</definedName>
    <definedName name="廃材処分費">#REF!</definedName>
    <definedName name="排水">[48]排水器具・ﾄﾗｯﾌﾟ!$V$50:$AC$70</definedName>
    <definedName name="排水PS" localSheetId="0">#REF!</definedName>
    <definedName name="排水PS">#REF!</definedName>
    <definedName name="排水器具･ﾄﾗｯﾌﾟ等">[48]排水器具・ﾄﾗｯﾌﾟ!$V$50:$AC$70</definedName>
    <definedName name="配管工" localSheetId="0">#REF!</definedName>
    <definedName name="配管工">#REF!</definedName>
    <definedName name="配線器具" localSheetId="0">#REF!</definedName>
    <definedName name="配線器具">#REF!</definedName>
    <definedName name="剥離剤" localSheetId="0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49]代価表 '!$Z$6</definedName>
    <definedName name="表紙" localSheetId="0">#REF!</definedName>
    <definedName name="表紙">#REF!</definedName>
    <definedName name="不活性ガス">[4]歩・屋!$W$13</definedName>
    <definedName name="付属品率">#REF!</definedName>
    <definedName name="付帯">[1]付帯!$C$4</definedName>
    <definedName name="普作1">[11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27]表紙!#REF!</definedName>
    <definedName name="複合工集計表" localSheetId="0">#REF!</definedName>
    <definedName name="複合工集計表">#REF!</definedName>
    <definedName name="複合単価_001" localSheetId="0">#REF!</definedName>
    <definedName name="複合単価_001">#REF!</definedName>
    <definedName name="複合単価_002" localSheetId="0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県都まちづくり部設備課">[50]小項目!#REF!</definedName>
    <definedName name="頁枚数">[10]表紙!#REF!</definedName>
    <definedName name="別途">[1]付帯!$F$3</definedName>
    <definedName name="変更用紙">[42]!印刷</definedName>
    <definedName name="保温工" localSheetId="0">#REF!</definedName>
    <definedName name="保温工">#REF!</definedName>
    <definedName name="保存">#N/A</definedName>
    <definedName name="舗装復旧工" localSheetId="0">#REF!</definedName>
    <definedName name="舗装復旧工">#REF!</definedName>
    <definedName name="歩掛け" localSheetId="0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擁壁小">[39]工事費内訳表!$H$43</definedName>
    <definedName name="擁壁大">[39]工事費内訳表!$H$69</definedName>
    <definedName name="洋風便器" localSheetId="0">#REF!</definedName>
    <definedName name="洋風便器">#REF!</definedName>
    <definedName name="溶接工" localSheetId="0">#REF!</definedName>
    <definedName name="溶接工">#REF!</definedName>
    <definedName name="溶接棒" localSheetId="0">#REF!</definedName>
    <definedName name="溶接棒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</definedNames>
  <calcPr calcId="162913"/>
</workbook>
</file>

<file path=xl/sharedStrings.xml><?xml version="1.0" encoding="utf-8"?>
<sst xmlns="http://schemas.openxmlformats.org/spreadsheetml/2006/main" count="251" uniqueCount="80">
  <si>
    <t>機器費</t>
    <rPh sb="0" eb="2">
      <t>キキ</t>
    </rPh>
    <rPh sb="2" eb="3">
      <t>ヒ</t>
    </rPh>
    <phoneticPr fontId="3"/>
  </si>
  <si>
    <t>輸送費</t>
    <rPh sb="0" eb="3">
      <t>ユソウヒ</t>
    </rPh>
    <phoneticPr fontId="3"/>
  </si>
  <si>
    <t>機械設備据付労務費</t>
    <rPh sb="0" eb="2">
      <t>キカイ</t>
    </rPh>
    <rPh sb="2" eb="4">
      <t>セツビ</t>
    </rPh>
    <rPh sb="4" eb="6">
      <t>スエツケ</t>
    </rPh>
    <rPh sb="6" eb="9">
      <t>ロウムヒ</t>
    </rPh>
    <phoneticPr fontId="3"/>
  </si>
  <si>
    <t>複合工費</t>
    <rPh sb="0" eb="2">
      <t>フクゴウ</t>
    </rPh>
    <rPh sb="2" eb="4">
      <t>コウヒ</t>
    </rPh>
    <phoneticPr fontId="3"/>
  </si>
  <si>
    <t>試運転費</t>
    <rPh sb="0" eb="3">
      <t>シウンテン</t>
    </rPh>
    <rPh sb="3" eb="4">
      <t>ヒ</t>
    </rPh>
    <phoneticPr fontId="3"/>
  </si>
  <si>
    <t>設計技術費</t>
    <rPh sb="0" eb="2">
      <t>セッケイ</t>
    </rPh>
    <rPh sb="2" eb="4">
      <t>ギジュツ</t>
    </rPh>
    <rPh sb="4" eb="5">
      <t>ヒ</t>
    </rPh>
    <phoneticPr fontId="3"/>
  </si>
  <si>
    <t>一般管理費等</t>
    <rPh sb="0" eb="2">
      <t>イッパン</t>
    </rPh>
    <rPh sb="2" eb="5">
      <t>カンリヒ</t>
    </rPh>
    <rPh sb="5" eb="6">
      <t>トウ</t>
    </rPh>
    <phoneticPr fontId="3"/>
  </si>
  <si>
    <t>数量</t>
    <rPh sb="0" eb="2">
      <t>スウリョウ</t>
    </rPh>
    <phoneticPr fontId="3"/>
  </si>
  <si>
    <t>式</t>
    <rPh sb="0" eb="1">
      <t>シキ</t>
    </rPh>
    <phoneticPr fontId="3"/>
  </si>
  <si>
    <t>材料費</t>
    <rPh sb="0" eb="3">
      <t>ザイリョウヒ</t>
    </rPh>
    <phoneticPr fontId="3"/>
  </si>
  <si>
    <t>労務費</t>
    <rPh sb="0" eb="3">
      <t>ロウムヒ</t>
    </rPh>
    <phoneticPr fontId="3"/>
  </si>
  <si>
    <t>据付工事原価</t>
    <rPh sb="0" eb="2">
      <t>スエツケ</t>
    </rPh>
    <rPh sb="2" eb="4">
      <t>コウジ</t>
    </rPh>
    <rPh sb="4" eb="6">
      <t>ゲンカ</t>
    </rPh>
    <phoneticPr fontId="3"/>
  </si>
  <si>
    <t>工事価格計</t>
    <rPh sb="0" eb="2">
      <t>コウジ</t>
    </rPh>
    <rPh sb="2" eb="4">
      <t>カカク</t>
    </rPh>
    <rPh sb="4" eb="5">
      <t>ケイ</t>
    </rPh>
    <phoneticPr fontId="3"/>
  </si>
  <si>
    <t>工事価格合計</t>
    <rPh sb="0" eb="2">
      <t>コウジ</t>
    </rPh>
    <rPh sb="2" eb="4">
      <t>カカク</t>
    </rPh>
    <rPh sb="4" eb="6">
      <t>ゴウケイ</t>
    </rPh>
    <phoneticPr fontId="3"/>
  </si>
  <si>
    <t>直接材料費</t>
    <rPh sb="0" eb="2">
      <t>チョクセツ</t>
    </rPh>
    <rPh sb="2" eb="5">
      <t>ザイリョウヒ</t>
    </rPh>
    <phoneticPr fontId="3"/>
  </si>
  <si>
    <t>機械経費</t>
    <rPh sb="0" eb="2">
      <t>キカイ</t>
    </rPh>
    <rPh sb="2" eb="4">
      <t>ケイヒ</t>
    </rPh>
    <phoneticPr fontId="3"/>
  </si>
  <si>
    <t>安全費</t>
    <rPh sb="0" eb="2">
      <t>アンゼン</t>
    </rPh>
    <rPh sb="2" eb="3">
      <t>ヒ</t>
    </rPh>
    <phoneticPr fontId="3"/>
  </si>
  <si>
    <t>費　目</t>
    <rPh sb="0" eb="3">
      <t>ヒモク</t>
    </rPh>
    <phoneticPr fontId="3"/>
  </si>
  <si>
    <t>工　種</t>
    <rPh sb="0" eb="3">
      <t>コウシュ</t>
    </rPh>
    <phoneticPr fontId="3"/>
  </si>
  <si>
    <t>種　別</t>
    <rPh sb="0" eb="3">
      <t>シュベツ</t>
    </rPh>
    <phoneticPr fontId="3"/>
  </si>
  <si>
    <t>細　別</t>
    <rPh sb="0" eb="3">
      <t>サイベツ</t>
    </rPh>
    <phoneticPr fontId="3"/>
  </si>
  <si>
    <t>単位</t>
    <rPh sb="0" eb="2">
      <t>タンイ</t>
    </rPh>
    <phoneticPr fontId="3"/>
  </si>
  <si>
    <t>機械設備工事　本工事費</t>
    <rPh sb="0" eb="2">
      <t>キカイ</t>
    </rPh>
    <rPh sb="2" eb="4">
      <t>セツビ</t>
    </rPh>
    <rPh sb="4" eb="6">
      <t>コウジ</t>
    </rPh>
    <rPh sb="7" eb="8">
      <t>ホン</t>
    </rPh>
    <rPh sb="8" eb="11">
      <t>コウジヒ</t>
    </rPh>
    <phoneticPr fontId="3"/>
  </si>
  <si>
    <t>（機器費計）</t>
    <rPh sb="1" eb="3">
      <t>キキ</t>
    </rPh>
    <rPh sb="3" eb="4">
      <t>ヒ</t>
    </rPh>
    <rPh sb="4" eb="5">
      <t>ケイ</t>
    </rPh>
    <phoneticPr fontId="3"/>
  </si>
  <si>
    <t>直接工事費</t>
    <rPh sb="0" eb="2">
      <t>チョクセツ</t>
    </rPh>
    <rPh sb="2" eb="5">
      <t>コウジヒ</t>
    </rPh>
    <phoneticPr fontId="3"/>
  </si>
  <si>
    <t>（輸送費）小計</t>
    <rPh sb="1" eb="4">
      <t>ユソウヒ</t>
    </rPh>
    <rPh sb="5" eb="7">
      <t>ショウケイ</t>
    </rPh>
    <phoneticPr fontId="3"/>
  </si>
  <si>
    <t>補助材料費</t>
    <rPh sb="0" eb="2">
      <t>ホジョ</t>
    </rPh>
    <rPh sb="2" eb="5">
      <t>ザイリョウヒ</t>
    </rPh>
    <phoneticPr fontId="3"/>
  </si>
  <si>
    <t>（材料費）小計</t>
    <rPh sb="1" eb="4">
      <t>ザイリョウヒ</t>
    </rPh>
    <rPh sb="5" eb="7">
      <t>ショウケイ</t>
    </rPh>
    <phoneticPr fontId="3"/>
  </si>
  <si>
    <t>（労務費）小計</t>
    <rPh sb="1" eb="4">
      <t>ロウムヒ</t>
    </rPh>
    <rPh sb="5" eb="7">
      <t>ショウケイ</t>
    </rPh>
    <phoneticPr fontId="3"/>
  </si>
  <si>
    <t>（複合工費）小計</t>
    <rPh sb="1" eb="3">
      <t>フクゴウ</t>
    </rPh>
    <rPh sb="3" eb="5">
      <t>コウヒ</t>
    </rPh>
    <rPh sb="6" eb="8">
      <t>ショウケイ</t>
    </rPh>
    <phoneticPr fontId="3"/>
  </si>
  <si>
    <t>直接経費</t>
    <rPh sb="0" eb="2">
      <t>チョクセツ</t>
    </rPh>
    <rPh sb="2" eb="4">
      <t>ケイヒ</t>
    </rPh>
    <phoneticPr fontId="3"/>
  </si>
  <si>
    <t>（直接経費）小計</t>
    <rPh sb="1" eb="3">
      <t>チョクセツ</t>
    </rPh>
    <rPh sb="3" eb="5">
      <t>ケイヒ</t>
    </rPh>
    <rPh sb="6" eb="8">
      <t>ショウケイ</t>
    </rPh>
    <phoneticPr fontId="3"/>
  </si>
  <si>
    <t>仮設費</t>
    <rPh sb="0" eb="2">
      <t>カセツ</t>
    </rPh>
    <rPh sb="2" eb="3">
      <t>ヒ</t>
    </rPh>
    <phoneticPr fontId="3"/>
  </si>
  <si>
    <t>（仮設費）計</t>
    <rPh sb="1" eb="3">
      <t>カセツ</t>
    </rPh>
    <rPh sb="3" eb="4">
      <t>ヒ</t>
    </rPh>
    <rPh sb="5" eb="6">
      <t>ショウケイ</t>
    </rPh>
    <phoneticPr fontId="3"/>
  </si>
  <si>
    <t>直接工事費計</t>
    <rPh sb="0" eb="2">
      <t>チョクセツ</t>
    </rPh>
    <rPh sb="2" eb="4">
      <t>コウジ</t>
    </rPh>
    <rPh sb="4" eb="5">
      <t>ヒ</t>
    </rPh>
    <rPh sb="5" eb="6">
      <t>ケイ</t>
    </rPh>
    <phoneticPr fontId="3"/>
  </si>
  <si>
    <t>間接工事費</t>
    <rPh sb="0" eb="2">
      <t>カンセツ</t>
    </rPh>
    <rPh sb="2" eb="4">
      <t>コウジ</t>
    </rPh>
    <rPh sb="4" eb="5">
      <t>ヒ</t>
    </rPh>
    <phoneticPr fontId="3"/>
  </si>
  <si>
    <t>共通仮設費</t>
    <rPh sb="0" eb="2">
      <t>キョウツウ</t>
    </rPh>
    <rPh sb="2" eb="4">
      <t>カセツ</t>
    </rPh>
    <rPh sb="4" eb="5">
      <t>ヒ</t>
    </rPh>
    <phoneticPr fontId="3"/>
  </si>
  <si>
    <t>運搬費</t>
    <rPh sb="0" eb="3">
      <t>ウンパンヒ</t>
    </rPh>
    <phoneticPr fontId="3"/>
  </si>
  <si>
    <t>準備費</t>
    <rPh sb="0" eb="3">
      <t>ジュンビヒ</t>
    </rPh>
    <phoneticPr fontId="3"/>
  </si>
  <si>
    <t>技術管理費</t>
    <rPh sb="0" eb="2">
      <t>ギジュツ</t>
    </rPh>
    <rPh sb="2" eb="5">
      <t>カンリヒ</t>
    </rPh>
    <phoneticPr fontId="3"/>
  </si>
  <si>
    <t>営繕費</t>
    <rPh sb="0" eb="2">
      <t>エイゼン</t>
    </rPh>
    <rPh sb="2" eb="3">
      <t>ヒ</t>
    </rPh>
    <phoneticPr fontId="3"/>
  </si>
  <si>
    <t>（共通仮設費）計</t>
    <rPh sb="1" eb="3">
      <t>キョウツウ</t>
    </rPh>
    <rPh sb="3" eb="5">
      <t>カセツ</t>
    </rPh>
    <rPh sb="5" eb="6">
      <t>ヒ</t>
    </rPh>
    <rPh sb="7" eb="8">
      <t>ケイ</t>
    </rPh>
    <phoneticPr fontId="3"/>
  </si>
  <si>
    <t>現場管理費</t>
    <rPh sb="0" eb="2">
      <t>ゲンバ</t>
    </rPh>
    <rPh sb="2" eb="5">
      <t>カンリヒ</t>
    </rPh>
    <phoneticPr fontId="3"/>
  </si>
  <si>
    <t>据付間接費</t>
    <rPh sb="0" eb="2">
      <t>スエツケ</t>
    </rPh>
    <rPh sb="2" eb="5">
      <t>カンセツヒ</t>
    </rPh>
    <phoneticPr fontId="3"/>
  </si>
  <si>
    <t>間接工事費計</t>
    <rPh sb="0" eb="2">
      <t>カンセツ</t>
    </rPh>
    <rPh sb="2" eb="5">
      <t>コウジヒ</t>
    </rPh>
    <rPh sb="5" eb="6">
      <t>ケイ</t>
    </rPh>
    <phoneticPr fontId="3"/>
  </si>
  <si>
    <t>一般労務費(技術者含む)</t>
    <rPh sb="0" eb="2">
      <t>イッパン</t>
    </rPh>
    <rPh sb="2" eb="5">
      <t>ロウムヒ</t>
    </rPh>
    <rPh sb="6" eb="9">
      <t>ギジュツシャ</t>
    </rPh>
    <rPh sb="9" eb="10">
      <t>フク</t>
    </rPh>
    <phoneticPr fontId="3"/>
  </si>
  <si>
    <t/>
  </si>
  <si>
    <t>波木汚水中継ポンプ場  機械設備工事</t>
  </si>
  <si>
    <t>式</t>
    <phoneticPr fontId="59"/>
  </si>
  <si>
    <t xml:space="preserve">1   </t>
    <phoneticPr fontId="59"/>
  </si>
  <si>
    <t>工事原価</t>
    <rPh sb="2" eb="4">
      <t>ゲンカ</t>
    </rPh>
    <phoneticPr fontId="59"/>
  </si>
  <si>
    <t>計</t>
    <phoneticPr fontId="59"/>
  </si>
  <si>
    <t>式</t>
    <phoneticPr fontId="59"/>
  </si>
  <si>
    <t xml:space="preserve">1   </t>
    <phoneticPr fontId="59"/>
  </si>
  <si>
    <t xml:space="preserve">  現場管理費    </t>
    <phoneticPr fontId="59"/>
  </si>
  <si>
    <t xml:space="preserve">  共通仮設費    </t>
    <phoneticPr fontId="59"/>
  </si>
  <si>
    <t xml:space="preserve">共通費          </t>
    <phoneticPr fontId="59"/>
  </si>
  <si>
    <t xml:space="preserve">機械設備工事    </t>
    <phoneticPr fontId="59"/>
  </si>
  <si>
    <t xml:space="preserve">直接工事費      </t>
    <phoneticPr fontId="59"/>
  </si>
  <si>
    <t>備　　　　考</t>
    <rPh sb="0" eb="1">
      <t>ソナエ</t>
    </rPh>
    <rPh sb="5" eb="6">
      <t>コウ</t>
    </rPh>
    <phoneticPr fontId="3"/>
  </si>
  <si>
    <t>金 　　　　　額</t>
    <rPh sb="0" eb="1">
      <t>キン</t>
    </rPh>
    <rPh sb="7" eb="8">
      <t>ガク</t>
    </rPh>
    <phoneticPr fontId="3"/>
  </si>
  <si>
    <t>単 位</t>
    <rPh sb="0" eb="1">
      <t>タン</t>
    </rPh>
    <rPh sb="2" eb="3">
      <t>クライ</t>
    </rPh>
    <phoneticPr fontId="3"/>
  </si>
  <si>
    <t>数　　量</t>
    <rPh sb="0" eb="1">
      <t>カズ</t>
    </rPh>
    <rPh sb="3" eb="4">
      <t>リョウ</t>
    </rPh>
    <phoneticPr fontId="3"/>
  </si>
  <si>
    <t>名　　　　　　　　　　　　称</t>
    <rPh sb="0" eb="1">
      <t>ナ</t>
    </rPh>
    <rPh sb="13" eb="14">
      <t>ショウ</t>
    </rPh>
    <phoneticPr fontId="3"/>
  </si>
  <si>
    <t>1</t>
    <phoneticPr fontId="59"/>
  </si>
  <si>
    <t>工事原価</t>
    <rPh sb="0" eb="2">
      <t>コウジ</t>
    </rPh>
    <rPh sb="2" eb="4">
      <t>ゲンカ</t>
    </rPh>
    <phoneticPr fontId="3"/>
  </si>
  <si>
    <t>単  価</t>
    <phoneticPr fontId="3"/>
  </si>
  <si>
    <t>金  額</t>
    <phoneticPr fontId="3"/>
  </si>
  <si>
    <t>摘  要</t>
    <phoneticPr fontId="3"/>
  </si>
  <si>
    <t>（（純工事費</t>
  </si>
  <si>
    <t>））</t>
    <phoneticPr fontId="2"/>
  </si>
  <si>
    <t>式</t>
    <rPh sb="0" eb="1">
      <t>シキ</t>
    </rPh>
    <phoneticPr fontId="2"/>
  </si>
  <si>
    <t>工事原価計</t>
    <rPh sb="0" eb="2">
      <t>コウジ</t>
    </rPh>
    <rPh sb="2" eb="4">
      <t>ゲンカ</t>
    </rPh>
    <rPh sb="4" eb="5">
      <t>ケイ</t>
    </rPh>
    <phoneticPr fontId="2"/>
  </si>
  <si>
    <t>プラント機械設備工事</t>
    <phoneticPr fontId="2"/>
  </si>
  <si>
    <t>建築機械設備工事</t>
    <phoneticPr fontId="2"/>
  </si>
  <si>
    <t>スクラップ控除</t>
    <phoneticPr fontId="2"/>
  </si>
  <si>
    <t>工事費内訳書</t>
    <rPh sb="0" eb="3">
      <t>コウジヒ</t>
    </rPh>
    <rPh sb="3" eb="6">
      <t>ウチワケショ</t>
    </rPh>
    <phoneticPr fontId="3"/>
  </si>
  <si>
    <t>工事費内訳書</t>
    <rPh sb="5" eb="6">
      <t>ショ</t>
    </rPh>
    <phoneticPr fontId="59"/>
  </si>
  <si>
    <t>工事名：波木汚水中継ポンプ場機械設備工事　　工事場所：四日市市波木町地内</t>
    <rPh sb="0" eb="2">
      <t>コウジ</t>
    </rPh>
    <rPh sb="2" eb="3">
      <t>メイ</t>
    </rPh>
    <rPh sb="4" eb="6">
      <t>ハギ</t>
    </rPh>
    <rPh sb="6" eb="8">
      <t>オスイ</t>
    </rPh>
    <rPh sb="8" eb="10">
      <t>チュウケイ</t>
    </rPh>
    <rPh sb="13" eb="14">
      <t>ジョウ</t>
    </rPh>
    <rPh sb="14" eb="16">
      <t>キカイ</t>
    </rPh>
    <rPh sb="16" eb="18">
      <t>セツビ</t>
    </rPh>
    <rPh sb="18" eb="20">
      <t>コウジ</t>
    </rPh>
    <rPh sb="22" eb="24">
      <t>コウジ</t>
    </rPh>
    <rPh sb="24" eb="26">
      <t>バショ</t>
    </rPh>
    <rPh sb="27" eb="31">
      <t>ヨッカイチシ</t>
    </rPh>
    <rPh sb="31" eb="34">
      <t>ハギチョウ</t>
    </rPh>
    <rPh sb="34" eb="36">
      <t>チナイ</t>
    </rPh>
    <phoneticPr fontId="2"/>
  </si>
  <si>
    <t>工事名：波木汚水中継ポンプ場機械設備工事　　工事場所：四日市市波木町地内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9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43" formatCode="_ * #,##0.00_ ;_ * \-#,##0.00_ ;_ * &quot;-&quot;??_ ;_ @_ "/>
    <numFmt numFmtId="176" formatCode="0.0_ "/>
    <numFmt numFmtId="177" formatCode="#,##0_ ;[Red]\-#,##0\ "/>
    <numFmt numFmtId="178" formatCode="#,##0.0;[Red]\-#,##0.0"/>
    <numFmt numFmtId="179" formatCode="_(&quot;$&quot;* #,##0_);_(&quot;$&quot;* \(#,##0\);_(&quot;$&quot;* &quot;-&quot;_);_(@_)"/>
    <numFmt numFmtId="180" formatCode="#,##0\ ;\-#,##0\ ;_ * &quot;- &quot;_ ;_ @_ "/>
    <numFmt numFmtId="181" formatCode="_(&quot;¥&quot;* #,##0_);_(&quot;¥&quot;* \(#,##0\);_(&quot;¥&quot;* &quot;-&quot;??_);_(@_)"/>
    <numFmt numFmtId="182" formatCode="###0"/>
    <numFmt numFmtId="183" formatCode="#,##0\-;&quot;▲&quot;#,##0\-"/>
    <numFmt numFmtId="184" formatCode="&quot;¥&quot;#,##0\-;&quot;¥&quot;&quot;▲&quot;#,##0\-"/>
    <numFmt numFmtId="185" formatCode="0.0"/>
    <numFmt numFmtId="186" formatCode="#,##0;&quot;¥&quot;\!\-#,##0;&quot;-&quot;"/>
    <numFmt numFmtId="187" formatCode="&quot;$&quot;#,##0_);[Red]\(&quot;$&quot;#,##0\)"/>
    <numFmt numFmtId="188" formatCode="&quot;$&quot;#,##0.00_);[Red]\(&quot;$&quot;#,##0.00\)"/>
    <numFmt numFmtId="189" formatCode="#,##0;&quot;▲&quot;#,##0"/>
  </numFmts>
  <fonts count="60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sz val="12"/>
      <name val="ＭＳ Ｐゴシック"/>
      <family val="3"/>
      <charset val="128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0"/>
      <name val="明朝"/>
      <family val="1"/>
      <charset val="128"/>
    </font>
    <font>
      <sz val="14"/>
      <name val="ＭＳ 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4"/>
      <name val="メイリオ"/>
      <family val="3"/>
      <charset val="128"/>
    </font>
    <font>
      <sz val="11"/>
      <color indexed="30"/>
      <name val="メイリオ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7.5"/>
      <name val="ＭＳ 明朝"/>
      <family val="1"/>
      <charset val="128"/>
    </font>
    <font>
      <sz val="9"/>
      <name val="ＦＡ Ｐ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.5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2"/>
      <name val="ＭＳ 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2"/>
      <color indexed="12"/>
      <name val="ＭＳ Ｐゴシック"/>
      <family val="3"/>
      <charset val="128"/>
    </font>
    <font>
      <sz val="11"/>
      <name val="・団"/>
      <family val="1"/>
      <charset val="128"/>
    </font>
    <font>
      <sz val="11"/>
      <color indexed="8"/>
      <name val="ＭＳ 明朝"/>
      <family val="1"/>
      <charset val="128"/>
    </font>
    <font>
      <sz val="6"/>
      <name val="ＭＳ 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9"/>
      <name val="ＭＳ 明朝"/>
      <family val="1"/>
      <charset val="128"/>
    </font>
  </fonts>
  <fills count="26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29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51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</borders>
  <cellStyleXfs count="147">
    <xf numFmtId="0" fontId="0" fillId="0" borderId="0">
      <alignment vertical="center"/>
    </xf>
    <xf numFmtId="0" fontId="1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>
      <alignment vertical="center"/>
    </xf>
    <xf numFmtId="40" fontId="8" fillId="0" borderId="0" applyFont="0" applyFill="0" applyBorder="0" applyAlignment="0" applyProtection="0"/>
    <xf numFmtId="8" fontId="8" fillId="0" borderId="0" applyFont="0" applyFill="0" applyBorder="0" applyAlignment="0" applyProtection="0"/>
    <xf numFmtId="0" fontId="9" fillId="0" borderId="27" applyNumberFormat="0" applyFont="0" applyFill="0" applyAlignment="0" applyProtection="0"/>
    <xf numFmtId="0" fontId="10" fillId="0" borderId="0" applyFill="0" applyBorder="0" applyAlignment="0"/>
    <xf numFmtId="0" fontId="11" fillId="0" borderId="0">
      <alignment horizontal="left"/>
    </xf>
    <xf numFmtId="38" fontId="12" fillId="2" borderId="0" applyNumberFormat="0" applyBorder="0" applyAlignment="0" applyProtection="0"/>
    <xf numFmtId="0" fontId="13" fillId="0" borderId="30" applyNumberFormat="0" applyAlignment="0" applyProtection="0">
      <alignment horizontal="left" vertical="center"/>
    </xf>
    <xf numFmtId="0" fontId="13" fillId="0" borderId="25">
      <alignment horizontal="left" vertical="center"/>
    </xf>
    <xf numFmtId="10" fontId="12" fillId="3" borderId="2" applyNumberFormat="0" applyBorder="0" applyAlignment="0" applyProtection="0"/>
    <xf numFmtId="179" fontId="1" fillId="0" borderId="0"/>
    <xf numFmtId="0" fontId="14" fillId="0" borderId="0"/>
    <xf numFmtId="10" fontId="14" fillId="0" borderId="0" applyFont="0" applyFill="0" applyBorder="0" applyAlignment="0" applyProtection="0"/>
    <xf numFmtId="4" fontId="11" fillId="0" borderId="0">
      <alignment horizontal="right"/>
    </xf>
    <xf numFmtId="0" fontId="15" fillId="0" borderId="0" applyNumberFormat="0" applyFont="0" applyFill="0" applyBorder="0" applyAlignment="0" applyProtection="0">
      <alignment horizontal="left"/>
    </xf>
    <xf numFmtId="0" fontId="16" fillId="0" borderId="31">
      <alignment horizontal="center"/>
    </xf>
    <xf numFmtId="4" fontId="17" fillId="0" borderId="0">
      <alignment horizontal="right"/>
    </xf>
    <xf numFmtId="0" fontId="18" fillId="0" borderId="0"/>
    <xf numFmtId="0" fontId="18" fillId="0" borderId="0"/>
    <xf numFmtId="0" fontId="19" fillId="0" borderId="0">
      <alignment horizontal="left"/>
    </xf>
    <xf numFmtId="0" fontId="15" fillId="0" borderId="0"/>
    <xf numFmtId="0" fontId="20" fillId="0" borderId="0"/>
    <xf numFmtId="0" fontId="21" fillId="0" borderId="0">
      <alignment horizontal="center"/>
    </xf>
    <xf numFmtId="0" fontId="6" fillId="0" borderId="22" applyNumberFormat="0" applyFill="0" applyBorder="0" applyAlignment="0" applyProtection="0">
      <alignment horizontal="distributed" vertical="center" justifyLastLine="1"/>
    </xf>
    <xf numFmtId="180" fontId="7" fillId="0" borderId="0" applyFill="0" applyBorder="0" applyAlignment="0" applyProtection="0">
      <alignment vertical="center"/>
    </xf>
    <xf numFmtId="0" fontId="22" fillId="4" borderId="0">
      <alignment horizontal="right" vertical="top"/>
    </xf>
    <xf numFmtId="181" fontId="5" fillId="5" borderId="23" applyFont="0" applyFill="0" applyBorder="0" applyAlignment="0" applyProtection="0">
      <protection locked="0"/>
    </xf>
    <xf numFmtId="178" fontId="4" fillId="0" borderId="29"/>
    <xf numFmtId="38" fontId="1" fillId="0" borderId="0" applyFont="0" applyFill="0" applyBorder="0" applyAlignment="0" applyProtection="0"/>
    <xf numFmtId="182" fontId="23" fillId="0" borderId="32" applyFill="0" applyBorder="0" applyProtection="0"/>
    <xf numFmtId="183" fontId="24" fillId="0" borderId="19">
      <protection locked="0"/>
    </xf>
    <xf numFmtId="183" fontId="24" fillId="0" borderId="19">
      <protection locked="0"/>
    </xf>
    <xf numFmtId="184" fontId="24" fillId="0" borderId="19">
      <protection locked="0"/>
    </xf>
    <xf numFmtId="0" fontId="25" fillId="0" borderId="33">
      <alignment horizontal="center"/>
    </xf>
    <xf numFmtId="42" fontId="7" fillId="0" borderId="0" applyFill="0" applyBorder="0" applyAlignment="0" applyProtection="0">
      <alignment horizontal="center" vertical="center"/>
    </xf>
    <xf numFmtId="185" fontId="26" fillId="4" borderId="34">
      <alignment horizontal="right"/>
    </xf>
    <xf numFmtId="2" fontId="27" fillId="0" borderId="28">
      <alignment horizontal="center"/>
    </xf>
    <xf numFmtId="0" fontId="28" fillId="0" borderId="1" applyFill="0" applyBorder="0" applyProtection="0">
      <alignment horizontal="left" vertical="center"/>
    </xf>
    <xf numFmtId="0" fontId="1" fillId="0" borderId="0"/>
    <xf numFmtId="0" fontId="29" fillId="0" borderId="0"/>
    <xf numFmtId="0" fontId="24" fillId="0" borderId="0"/>
    <xf numFmtId="0" fontId="6" fillId="0" borderId="0"/>
    <xf numFmtId="0" fontId="9" fillId="0" borderId="0" applyBorder="0">
      <alignment vertical="center"/>
    </xf>
    <xf numFmtId="0" fontId="25" fillId="0" borderId="0"/>
    <xf numFmtId="0" fontId="9" fillId="0" borderId="0"/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8" fillId="0" borderId="0"/>
    <xf numFmtId="2" fontId="9" fillId="0" borderId="0" applyNumberFormat="0" applyFont="0" applyBorder="0" applyAlignment="0" applyProtection="0"/>
    <xf numFmtId="0" fontId="35" fillId="0" borderId="0" applyBorder="0" applyAlignment="0"/>
    <xf numFmtId="0" fontId="36" fillId="0" borderId="0" applyNumberFormat="0" applyFill="0" applyBorder="0" applyAlignment="0" applyProtection="0"/>
    <xf numFmtId="0" fontId="37" fillId="6" borderId="0" applyNumberFormat="0" applyBorder="0" applyAlignment="0" applyProtection="0">
      <alignment vertical="center"/>
    </xf>
    <xf numFmtId="0" fontId="37" fillId="7" borderId="0" applyNumberFormat="0" applyBorder="0" applyAlignment="0" applyProtection="0">
      <alignment vertical="center"/>
    </xf>
    <xf numFmtId="0" fontId="37" fillId="8" borderId="0" applyNumberFormat="0" applyBorder="0" applyAlignment="0" applyProtection="0">
      <alignment vertical="center"/>
    </xf>
    <xf numFmtId="0" fontId="37" fillId="9" borderId="0" applyNumberFormat="0" applyBorder="0" applyAlignment="0" applyProtection="0">
      <alignment vertical="center"/>
    </xf>
    <xf numFmtId="0" fontId="37" fillId="10" borderId="0" applyNumberFormat="0" applyBorder="0" applyAlignment="0" applyProtection="0">
      <alignment vertical="center"/>
    </xf>
    <xf numFmtId="0" fontId="37" fillId="11" borderId="0" applyNumberFormat="0" applyBorder="0" applyAlignment="0" applyProtection="0">
      <alignment vertical="center"/>
    </xf>
    <xf numFmtId="0" fontId="37" fillId="12" borderId="0" applyNumberFormat="0" applyBorder="0" applyAlignment="0" applyProtection="0">
      <alignment vertical="center"/>
    </xf>
    <xf numFmtId="0" fontId="37" fillId="9" borderId="0" applyNumberFormat="0" applyBorder="0" applyAlignment="0" applyProtection="0">
      <alignment vertical="center"/>
    </xf>
    <xf numFmtId="0" fontId="37" fillId="11" borderId="0" applyNumberFormat="0" applyBorder="0" applyAlignment="0" applyProtection="0">
      <alignment vertical="center"/>
    </xf>
    <xf numFmtId="0" fontId="37" fillId="13" borderId="0" applyNumberFormat="0" applyBorder="0" applyAlignment="0" applyProtection="0">
      <alignment vertical="center"/>
    </xf>
    <xf numFmtId="0" fontId="38" fillId="14" borderId="0" applyNumberFormat="0" applyBorder="0" applyAlignment="0" applyProtection="0">
      <alignment vertical="center"/>
    </xf>
    <xf numFmtId="0" fontId="38" fillId="15" borderId="0" applyNumberFormat="0" applyBorder="0" applyAlignment="0" applyProtection="0">
      <alignment vertical="center"/>
    </xf>
    <xf numFmtId="0" fontId="38" fillId="12" borderId="0" applyNumberFormat="0" applyBorder="0" applyAlignment="0" applyProtection="0">
      <alignment vertical="center"/>
    </xf>
    <xf numFmtId="0" fontId="38" fillId="16" borderId="0" applyNumberFormat="0" applyBorder="0" applyAlignment="0" applyProtection="0">
      <alignment vertical="center"/>
    </xf>
    <xf numFmtId="0" fontId="38" fillId="17" borderId="0" applyNumberFormat="0" applyBorder="0" applyAlignment="0" applyProtection="0">
      <alignment vertical="center"/>
    </xf>
    <xf numFmtId="0" fontId="38" fillId="18" borderId="0" applyNumberFormat="0" applyBorder="0" applyAlignment="0" applyProtection="0">
      <alignment vertical="center"/>
    </xf>
    <xf numFmtId="186" fontId="10" fillId="0" borderId="0" applyFill="0" applyBorder="0" applyAlignment="0"/>
    <xf numFmtId="38" fontId="15" fillId="0" borderId="0" applyFont="0" applyFill="0" applyBorder="0" applyAlignment="0" applyProtection="0"/>
    <xf numFmtId="40" fontId="15" fillId="0" borderId="0" applyFont="0" applyFill="0" applyBorder="0" applyAlignment="0" applyProtection="0"/>
    <xf numFmtId="187" fontId="15" fillId="0" borderId="0" applyFont="0" applyFill="0" applyBorder="0" applyAlignment="0" applyProtection="0"/>
    <xf numFmtId="188" fontId="15" fillId="0" borderId="0" applyFont="0" applyFill="0" applyBorder="0" applyAlignment="0" applyProtection="0"/>
    <xf numFmtId="0" fontId="39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0" fontId="36" fillId="0" borderId="0" applyNumberFormat="0" applyFill="0" applyBorder="0" applyAlignment="0" applyProtection="0"/>
    <xf numFmtId="0" fontId="38" fillId="19" borderId="0" applyNumberFormat="0" applyBorder="0" applyAlignment="0" applyProtection="0">
      <alignment vertical="center"/>
    </xf>
    <xf numFmtId="0" fontId="38" fillId="20" borderId="0" applyNumberFormat="0" applyBorder="0" applyAlignment="0" applyProtection="0">
      <alignment vertical="center"/>
    </xf>
    <xf numFmtId="0" fontId="38" fillId="21" borderId="0" applyNumberFormat="0" applyBorder="0" applyAlignment="0" applyProtection="0">
      <alignment vertical="center"/>
    </xf>
    <xf numFmtId="0" fontId="38" fillId="16" borderId="0" applyNumberFormat="0" applyBorder="0" applyAlignment="0" applyProtection="0">
      <alignment vertical="center"/>
    </xf>
    <xf numFmtId="0" fontId="38" fillId="22" borderId="0" applyNumberFormat="0" applyBorder="0" applyAlignment="0" applyProtection="0">
      <alignment vertical="center"/>
    </xf>
    <xf numFmtId="0" fontId="40" fillId="0" borderId="0" applyNumberFormat="0" applyFill="0" applyBorder="0" applyAlignment="0" applyProtection="0">
      <alignment vertical="center"/>
    </xf>
    <xf numFmtId="0" fontId="41" fillId="23" borderId="0" applyNumberFormat="0" applyBorder="0" applyAlignment="0" applyProtection="0">
      <alignment vertical="center"/>
    </xf>
    <xf numFmtId="9" fontId="34" fillId="0" borderId="0" applyFont="0" applyFill="0" applyBorder="0" applyAlignment="0" applyProtection="0">
      <alignment vertical="center"/>
    </xf>
    <xf numFmtId="9" fontId="1" fillId="0" borderId="0" applyFont="0" applyFill="0" applyBorder="0" applyAlignment="0" applyProtection="0"/>
    <xf numFmtId="0" fontId="1" fillId="24" borderId="37" applyNumberFormat="0" applyFont="0" applyAlignment="0" applyProtection="0">
      <alignment vertical="center"/>
    </xf>
    <xf numFmtId="0" fontId="42" fillId="0" borderId="38" applyNumberFormat="0" applyFill="0" applyAlignment="0" applyProtection="0">
      <alignment vertical="center"/>
    </xf>
    <xf numFmtId="0" fontId="43" fillId="7" borderId="0" applyNumberFormat="0" applyBorder="0" applyAlignment="0" applyProtection="0">
      <alignment vertical="center"/>
    </xf>
    <xf numFmtId="0" fontId="44" fillId="25" borderId="39" applyNumberFormat="0" applyAlignment="0" applyProtection="0">
      <alignment vertical="center"/>
    </xf>
    <xf numFmtId="43" fontId="14" fillId="0" borderId="0" applyFont="0" applyFill="0" applyBorder="0" applyAlignment="0" applyProtection="0"/>
    <xf numFmtId="41" fontId="14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34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45" fillId="0" borderId="2"/>
    <xf numFmtId="0" fontId="46" fillId="0" borderId="40" applyNumberFormat="0" applyFill="0" applyAlignment="0" applyProtection="0">
      <alignment vertical="center"/>
    </xf>
    <xf numFmtId="0" fontId="47" fillId="0" borderId="41" applyNumberFormat="0" applyFill="0" applyAlignment="0" applyProtection="0">
      <alignment vertical="center"/>
    </xf>
    <xf numFmtId="0" fontId="48" fillId="0" borderId="42" applyNumberFormat="0" applyFill="0" applyAlignment="0" applyProtection="0">
      <alignment vertical="center"/>
    </xf>
    <xf numFmtId="0" fontId="48" fillId="0" borderId="0" applyNumberFormat="0" applyFill="0" applyBorder="0" applyAlignment="0" applyProtection="0">
      <alignment vertical="center"/>
    </xf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1" fontId="6" fillId="0" borderId="35"/>
    <xf numFmtId="0" fontId="49" fillId="0" borderId="0">
      <alignment horizontal="center"/>
    </xf>
    <xf numFmtId="0" fontId="50" fillId="0" borderId="43" applyNumberFormat="0" applyFill="0" applyAlignment="0" applyProtection="0">
      <alignment vertical="center"/>
    </xf>
    <xf numFmtId="0" fontId="51" fillId="25" borderId="44" applyNumberFormat="0" applyAlignment="0" applyProtection="0">
      <alignment vertical="center"/>
    </xf>
    <xf numFmtId="0" fontId="52" fillId="0" borderId="0"/>
    <xf numFmtId="0" fontId="6" fillId="0" borderId="0" applyNumberFormat="0" applyFont="0" applyBorder="0" applyAlignment="0" applyProtection="0"/>
    <xf numFmtId="8" fontId="53" fillId="0" borderId="0" applyFont="0" applyFill="0" applyBorder="0" applyAlignment="0" applyProtection="0"/>
    <xf numFmtId="6" fontId="53" fillId="0" borderId="0" applyFont="0" applyFill="0" applyBorder="0" applyAlignment="0" applyProtection="0"/>
    <xf numFmtId="6" fontId="1" fillId="0" borderId="0" applyFont="0" applyFill="0" applyBorder="0" applyAlignment="0" applyProtection="0"/>
    <xf numFmtId="0" fontId="5" fillId="0" borderId="2">
      <alignment horizontal="left" vertical="center"/>
    </xf>
    <xf numFmtId="0" fontId="54" fillId="0" borderId="0"/>
    <xf numFmtId="0" fontId="55" fillId="0" borderId="24" applyBorder="0">
      <alignment horizontal="center" vertical="center"/>
    </xf>
    <xf numFmtId="0" fontId="56" fillId="10" borderId="39" applyNumberFormat="0" applyAlignment="0" applyProtection="0">
      <alignment vertical="center"/>
    </xf>
    <xf numFmtId="0" fontId="25" fillId="0" borderId="0"/>
    <xf numFmtId="0" fontId="1" fillId="0" borderId="0">
      <alignment vertical="center"/>
    </xf>
    <xf numFmtId="0" fontId="34" fillId="0" borderId="0">
      <alignment vertical="center"/>
    </xf>
    <xf numFmtId="0" fontId="1" fillId="0" borderId="0"/>
    <xf numFmtId="0" fontId="1" fillId="0" borderId="0"/>
    <xf numFmtId="0" fontId="57" fillId="0" borderId="0"/>
    <xf numFmtId="0" fontId="58" fillId="8" borderId="0" applyNumberFormat="0" applyBorder="0" applyAlignment="0" applyProtection="0">
      <alignment vertical="center"/>
    </xf>
    <xf numFmtId="0" fontId="59" fillId="0" borderId="0">
      <alignment vertical="center"/>
    </xf>
  </cellStyleXfs>
  <cellXfs count="82">
    <xf numFmtId="0" fontId="0" fillId="0" borderId="0" xfId="0">
      <alignment vertical="center"/>
    </xf>
    <xf numFmtId="0" fontId="32" fillId="0" borderId="0" xfId="1" applyFont="1" applyAlignment="1">
      <alignment vertical="top"/>
    </xf>
    <xf numFmtId="0" fontId="31" fillId="0" borderId="0" xfId="1" applyFont="1" applyAlignment="1">
      <alignment vertical="top"/>
    </xf>
    <xf numFmtId="0" fontId="30" fillId="0" borderId="3" xfId="1" applyFont="1" applyBorder="1" applyAlignment="1">
      <alignment vertical="top"/>
    </xf>
    <xf numFmtId="0" fontId="30" fillId="0" borderId="4" xfId="1" applyFont="1" applyBorder="1" applyAlignment="1">
      <alignment vertical="top"/>
    </xf>
    <xf numFmtId="0" fontId="30" fillId="0" borderId="5" xfId="1" applyFont="1" applyBorder="1" applyAlignment="1">
      <alignment horizontal="right" vertical="top"/>
    </xf>
    <xf numFmtId="0" fontId="30" fillId="0" borderId="4" xfId="1" applyFont="1" applyFill="1" applyBorder="1" applyAlignment="1">
      <alignment vertical="top"/>
    </xf>
    <xf numFmtId="0" fontId="30" fillId="0" borderId="5" xfId="1" applyFont="1" applyBorder="1" applyAlignment="1">
      <alignment vertical="top"/>
    </xf>
    <xf numFmtId="0" fontId="31" fillId="0" borderId="6" xfId="1" applyFont="1" applyBorder="1" applyAlignment="1">
      <alignment vertical="top"/>
    </xf>
    <xf numFmtId="0" fontId="31" fillId="0" borderId="7" xfId="1" applyFont="1" applyBorder="1" applyAlignment="1">
      <alignment vertical="top"/>
    </xf>
    <xf numFmtId="0" fontId="30" fillId="0" borderId="8" xfId="1" applyFont="1" applyBorder="1" applyAlignment="1">
      <alignment horizontal="center" vertical="top"/>
    </xf>
    <xf numFmtId="0" fontId="30" fillId="0" borderId="9" xfId="1" applyFont="1" applyBorder="1" applyAlignment="1">
      <alignment horizontal="center" vertical="top"/>
    </xf>
    <xf numFmtId="0" fontId="30" fillId="0" borderId="9" xfId="1" applyFont="1" applyFill="1" applyBorder="1" applyAlignment="1">
      <alignment horizontal="center" vertical="top"/>
    </xf>
    <xf numFmtId="0" fontId="31" fillId="0" borderId="13" xfId="1" applyFont="1" applyBorder="1" applyAlignment="1">
      <alignment vertical="top"/>
    </xf>
    <xf numFmtId="0" fontId="31" fillId="0" borderId="14" xfId="1" applyFont="1" applyBorder="1" applyAlignment="1">
      <alignment vertical="top"/>
    </xf>
    <xf numFmtId="176" fontId="31" fillId="0" borderId="14" xfId="1" applyNumberFormat="1" applyFont="1" applyBorder="1" applyAlignment="1">
      <alignment vertical="top"/>
    </xf>
    <xf numFmtId="3" fontId="31" fillId="0" borderId="14" xfId="1" applyNumberFormat="1" applyFont="1" applyFill="1" applyBorder="1" applyAlignment="1">
      <alignment vertical="top"/>
    </xf>
    <xf numFmtId="0" fontId="31" fillId="0" borderId="15" xfId="1" applyFont="1" applyBorder="1" applyAlignment="1">
      <alignment vertical="top"/>
    </xf>
    <xf numFmtId="0" fontId="31" fillId="0" borderId="0" xfId="1" applyFont="1" applyBorder="1" applyAlignment="1">
      <alignment vertical="top"/>
    </xf>
    <xf numFmtId="0" fontId="31" fillId="0" borderId="16" xfId="1" applyFont="1" applyBorder="1" applyAlignment="1">
      <alignment vertical="top"/>
    </xf>
    <xf numFmtId="0" fontId="31" fillId="0" borderId="17" xfId="1" applyFont="1" applyBorder="1" applyAlignment="1">
      <alignment vertical="top"/>
    </xf>
    <xf numFmtId="0" fontId="31" fillId="0" borderId="18" xfId="1" applyFont="1" applyBorder="1" applyAlignment="1">
      <alignment vertical="top"/>
    </xf>
    <xf numFmtId="176" fontId="31" fillId="0" borderId="18" xfId="1" applyNumberFormat="1" applyFont="1" applyBorder="1" applyAlignment="1">
      <alignment vertical="top"/>
    </xf>
    <xf numFmtId="3" fontId="31" fillId="0" borderId="18" xfId="1" applyNumberFormat="1" applyFont="1" applyFill="1" applyBorder="1" applyAlignment="1">
      <alignment vertical="top"/>
    </xf>
    <xf numFmtId="0" fontId="31" fillId="0" borderId="19" xfId="1" applyFont="1" applyBorder="1" applyAlignment="1">
      <alignment vertical="top"/>
    </xf>
    <xf numFmtId="0" fontId="31" fillId="0" borderId="20" xfId="1" applyFont="1" applyBorder="1" applyAlignment="1">
      <alignment vertical="top"/>
    </xf>
    <xf numFmtId="0" fontId="31" fillId="0" borderId="21" xfId="1" applyFont="1" applyBorder="1" applyAlignment="1">
      <alignment vertical="top"/>
    </xf>
    <xf numFmtId="0" fontId="31" fillId="0" borderId="18" xfId="1" applyFont="1" applyBorder="1" applyAlignment="1">
      <alignment horizontal="center" vertical="top"/>
    </xf>
    <xf numFmtId="3" fontId="31" fillId="0" borderId="0" xfId="1" applyNumberFormat="1" applyFont="1" applyAlignment="1">
      <alignment vertical="top"/>
    </xf>
    <xf numFmtId="9" fontId="31" fillId="0" borderId="19" xfId="1" applyNumberFormat="1" applyFont="1" applyBorder="1" applyAlignment="1">
      <alignment vertical="top"/>
    </xf>
    <xf numFmtId="0" fontId="33" fillId="0" borderId="14" xfId="1" applyFont="1" applyBorder="1" applyAlignment="1">
      <alignment vertical="top"/>
    </xf>
    <xf numFmtId="176" fontId="33" fillId="0" borderId="14" xfId="1" applyNumberFormat="1" applyFont="1" applyBorder="1" applyAlignment="1">
      <alignment vertical="top"/>
    </xf>
    <xf numFmtId="3" fontId="33" fillId="0" borderId="14" xfId="1" applyNumberFormat="1" applyFont="1" applyFill="1" applyBorder="1" applyAlignment="1">
      <alignment vertical="top"/>
    </xf>
    <xf numFmtId="0" fontId="31" fillId="0" borderId="8" xfId="1" applyFont="1" applyBorder="1" applyAlignment="1">
      <alignment vertical="top"/>
    </xf>
    <xf numFmtId="0" fontId="31" fillId="0" borderId="9" xfId="1" applyFont="1" applyBorder="1" applyAlignment="1">
      <alignment vertical="top"/>
    </xf>
    <xf numFmtId="176" fontId="31" fillId="0" borderId="9" xfId="1" applyNumberFormat="1" applyFont="1" applyBorder="1" applyAlignment="1">
      <alignment vertical="top"/>
    </xf>
    <xf numFmtId="3" fontId="31" fillId="0" borderId="9" xfId="1" applyNumberFormat="1" applyFont="1" applyFill="1" applyBorder="1" applyAlignment="1">
      <alignment vertical="top"/>
    </xf>
    <xf numFmtId="0" fontId="31" fillId="0" borderId="10" xfId="1" applyFont="1" applyBorder="1" applyAlignment="1">
      <alignment vertical="top"/>
    </xf>
    <xf numFmtId="0" fontId="31" fillId="0" borderId="11" xfId="1" applyFont="1" applyBorder="1" applyAlignment="1">
      <alignment vertical="top"/>
    </xf>
    <xf numFmtId="0" fontId="31" fillId="0" borderId="12" xfId="1" applyFont="1" applyBorder="1" applyAlignment="1">
      <alignment vertical="top"/>
    </xf>
    <xf numFmtId="9" fontId="31" fillId="0" borderId="19" xfId="2" applyFont="1" applyBorder="1" applyAlignment="1">
      <alignment vertical="top"/>
    </xf>
    <xf numFmtId="3" fontId="31" fillId="0" borderId="21" xfId="1" applyNumberFormat="1" applyFont="1" applyBorder="1" applyAlignment="1">
      <alignment vertical="top"/>
    </xf>
    <xf numFmtId="10" fontId="31" fillId="0" borderId="19" xfId="1" applyNumberFormat="1" applyFont="1" applyBorder="1" applyAlignment="1">
      <alignment vertical="top"/>
    </xf>
    <xf numFmtId="177" fontId="31" fillId="0" borderId="18" xfId="1" applyNumberFormat="1" applyFont="1" applyFill="1" applyBorder="1" applyAlignment="1">
      <alignment vertical="top"/>
    </xf>
    <xf numFmtId="0" fontId="31" fillId="0" borderId="0" xfId="1" applyNumberFormat="1" applyFont="1" applyBorder="1" applyAlignment="1">
      <alignment vertical="top"/>
    </xf>
    <xf numFmtId="0" fontId="31" fillId="0" borderId="0" xfId="1" applyNumberFormat="1" applyFont="1" applyFill="1" applyBorder="1" applyAlignment="1">
      <alignment vertical="top"/>
    </xf>
    <xf numFmtId="0" fontId="31" fillId="0" borderId="0" xfId="1" applyFont="1" applyFill="1" applyAlignment="1">
      <alignment vertical="top"/>
    </xf>
    <xf numFmtId="10" fontId="31" fillId="0" borderId="19" xfId="1" applyNumberFormat="1" applyFont="1" applyBorder="1" applyAlignment="1">
      <alignment vertical="top" shrinkToFit="1"/>
    </xf>
    <xf numFmtId="0" fontId="59" fillId="0" borderId="0" xfId="146" applyFont="1" applyFill="1" applyAlignment="1">
      <alignment vertical="center"/>
    </xf>
    <xf numFmtId="0" fontId="59" fillId="0" borderId="6" xfId="146" applyFont="1" applyFill="1" applyBorder="1" applyAlignment="1">
      <alignment vertical="center"/>
    </xf>
    <xf numFmtId="49" fontId="59" fillId="0" borderId="46" xfId="146" applyNumberFormat="1" applyFont="1" applyFill="1" applyBorder="1" applyAlignment="1">
      <alignment vertical="center" shrinkToFit="1"/>
    </xf>
    <xf numFmtId="189" fontId="59" fillId="0" borderId="18" xfId="146" applyNumberFormat="1" applyFont="1" applyFill="1" applyBorder="1" applyAlignment="1">
      <alignment horizontal="right" vertical="center" shrinkToFit="1"/>
    </xf>
    <xf numFmtId="49" fontId="59" fillId="0" borderId="18" xfId="146" applyNumberFormat="1" applyFont="1" applyFill="1" applyBorder="1" applyAlignment="1">
      <alignment horizontal="center" vertical="center" shrinkToFit="1"/>
    </xf>
    <xf numFmtId="49" fontId="59" fillId="0" borderId="17" xfId="146" applyNumberFormat="1" applyFont="1" applyFill="1" applyBorder="1" applyAlignment="1">
      <alignment vertical="center" shrinkToFit="1"/>
    </xf>
    <xf numFmtId="0" fontId="59" fillId="0" borderId="16" xfId="146" applyFont="1" applyFill="1" applyBorder="1" applyAlignment="1">
      <alignment vertical="center"/>
    </xf>
    <xf numFmtId="49" fontId="59" fillId="0" borderId="47" xfId="146" applyNumberFormat="1" applyFont="1" applyFill="1" applyBorder="1" applyAlignment="1">
      <alignment vertical="center" shrinkToFit="1"/>
    </xf>
    <xf numFmtId="189" fontId="59" fillId="0" borderId="14" xfId="146" applyNumberFormat="1" applyFont="1" applyFill="1" applyBorder="1" applyAlignment="1">
      <alignment horizontal="right" vertical="center" shrinkToFit="1"/>
    </xf>
    <xf numFmtId="49" fontId="59" fillId="0" borderId="14" xfId="146" applyNumberFormat="1" applyFont="1" applyFill="1" applyBorder="1" applyAlignment="1">
      <alignment horizontal="center" vertical="center" shrinkToFit="1"/>
    </xf>
    <xf numFmtId="49" fontId="59" fillId="0" borderId="13" xfId="146" applyNumberFormat="1" applyFont="1" applyFill="1" applyBorder="1" applyAlignment="1">
      <alignment vertical="center" shrinkToFit="1"/>
    </xf>
    <xf numFmtId="49" fontId="59" fillId="0" borderId="48" xfId="146" applyNumberFormat="1" applyFont="1" applyFill="1" applyBorder="1" applyAlignment="1">
      <alignment vertical="center" shrinkToFit="1"/>
    </xf>
    <xf numFmtId="189" fontId="59" fillId="0" borderId="23" xfId="146" applyNumberFormat="1" applyFont="1" applyFill="1" applyBorder="1" applyAlignment="1">
      <alignment horizontal="right" vertical="center" shrinkToFit="1"/>
    </xf>
    <xf numFmtId="49" fontId="59" fillId="0" borderId="23" xfId="146" applyNumberFormat="1" applyFont="1" applyFill="1" applyBorder="1" applyAlignment="1">
      <alignment horizontal="center" vertical="center" shrinkToFit="1"/>
    </xf>
    <xf numFmtId="49" fontId="59" fillId="0" borderId="45" xfId="146" applyNumberFormat="1" applyFont="1" applyFill="1" applyBorder="1" applyAlignment="1">
      <alignment horizontal="center" vertical="center" shrinkToFit="1"/>
    </xf>
    <xf numFmtId="49" fontId="6" fillId="0" borderId="11" xfId="146" applyNumberFormat="1" applyFont="1" applyFill="1" applyBorder="1" applyAlignment="1">
      <alignment horizontal="right" vertical="center"/>
    </xf>
    <xf numFmtId="49" fontId="25" fillId="0" borderId="11" xfId="146" applyNumberFormat="1" applyFont="1" applyFill="1" applyBorder="1" applyAlignment="1">
      <alignment vertical="center"/>
    </xf>
    <xf numFmtId="3" fontId="31" fillId="0" borderId="12" xfId="1" applyNumberFormat="1" applyFont="1" applyBorder="1" applyAlignment="1">
      <alignment vertical="top"/>
    </xf>
    <xf numFmtId="0" fontId="30" fillId="0" borderId="0" xfId="1" applyFont="1" applyAlignment="1">
      <alignment vertical="top"/>
    </xf>
    <xf numFmtId="0" fontId="30" fillId="0" borderId="0" xfId="1" applyFont="1" applyFill="1" applyAlignment="1">
      <alignment vertical="top"/>
    </xf>
    <xf numFmtId="0" fontId="31" fillId="0" borderId="9" xfId="1" applyFont="1" applyBorder="1" applyAlignment="1">
      <alignment horizontal="center" vertical="top"/>
    </xf>
    <xf numFmtId="0" fontId="30" fillId="0" borderId="10" xfId="1" applyFont="1" applyBorder="1" applyAlignment="1">
      <alignment horizontal="center" vertical="top"/>
    </xf>
    <xf numFmtId="0" fontId="31" fillId="0" borderId="11" xfId="1" applyFont="1" applyBorder="1" applyAlignment="1">
      <alignment horizontal="center" vertical="top"/>
    </xf>
    <xf numFmtId="0" fontId="31" fillId="0" borderId="12" xfId="1" applyFont="1" applyBorder="1" applyAlignment="1">
      <alignment horizontal="center" vertical="top"/>
    </xf>
    <xf numFmtId="49" fontId="9" fillId="0" borderId="36" xfId="146" applyNumberFormat="1" applyFont="1" applyFill="1" applyBorder="1" applyAlignment="1">
      <alignment vertical="center"/>
    </xf>
    <xf numFmtId="49" fontId="9" fillId="0" borderId="25" xfId="146" applyNumberFormat="1" applyFont="1" applyFill="1" applyBorder="1" applyAlignment="1">
      <alignment vertical="center"/>
    </xf>
    <xf numFmtId="49" fontId="9" fillId="0" borderId="26" xfId="146" applyNumberFormat="1" applyFont="1" applyFill="1" applyBorder="1" applyAlignment="1">
      <alignment vertical="center"/>
    </xf>
    <xf numFmtId="49" fontId="9" fillId="0" borderId="3" xfId="146" applyNumberFormat="1" applyFont="1" applyFill="1" applyBorder="1" applyAlignment="1">
      <alignment horizontal="center" vertical="center"/>
    </xf>
    <xf numFmtId="49" fontId="9" fillId="0" borderId="8" xfId="146" applyNumberFormat="1" applyFont="1" applyFill="1" applyBorder="1" applyAlignment="1">
      <alignment horizontal="center" vertical="center"/>
    </xf>
    <xf numFmtId="49" fontId="9" fillId="0" borderId="4" xfId="146" applyNumberFormat="1" applyFont="1" applyFill="1" applyBorder="1" applyAlignment="1">
      <alignment horizontal="center" vertical="center"/>
    </xf>
    <xf numFmtId="49" fontId="9" fillId="0" borderId="9" xfId="146" applyNumberFormat="1" applyFont="1" applyFill="1" applyBorder="1" applyAlignment="1">
      <alignment horizontal="center" vertical="center"/>
    </xf>
    <xf numFmtId="49" fontId="9" fillId="0" borderId="50" xfId="146" applyNumberFormat="1" applyFont="1" applyFill="1" applyBorder="1" applyAlignment="1">
      <alignment horizontal="center" vertical="center"/>
    </xf>
    <xf numFmtId="49" fontId="9" fillId="0" borderId="49" xfId="146" applyNumberFormat="1" applyFont="1" applyFill="1" applyBorder="1" applyAlignment="1">
      <alignment horizontal="center" vertical="center"/>
    </xf>
    <xf numFmtId="49" fontId="59" fillId="0" borderId="11" xfId="146" applyNumberFormat="1" applyFont="1" applyFill="1" applyBorder="1" applyAlignment="1">
      <alignment vertical="center"/>
    </xf>
  </cellXfs>
  <cellStyles count="147">
    <cellStyle name="æØè [0.00]" xfId="5"/>
    <cellStyle name="ÊÝ [0.00]" xfId="6"/>
    <cellStyle name="0" xfId="56"/>
    <cellStyle name="１" xfId="57"/>
    <cellStyle name="１０スタイル" xfId="58"/>
    <cellStyle name="121" xfId="7"/>
    <cellStyle name="20% - アクセント 1 2" xfId="59"/>
    <cellStyle name="20% - アクセント 2 2" xfId="60"/>
    <cellStyle name="20% - アクセント 3 2" xfId="61"/>
    <cellStyle name="20% - アクセント 4 2" xfId="62"/>
    <cellStyle name="20% - アクセント 6 2" xfId="63"/>
    <cellStyle name="40% - アクセント 1 2" xfId="64"/>
    <cellStyle name="40% - アクセント 3 2" xfId="65"/>
    <cellStyle name="40% - アクセント 4 2" xfId="66"/>
    <cellStyle name="40% - アクセント 5 2" xfId="67"/>
    <cellStyle name="40% - アクセント 6 2" xfId="68"/>
    <cellStyle name="60% - アクセント 1 2" xfId="69"/>
    <cellStyle name="60% - アクセント 2 2" xfId="70"/>
    <cellStyle name="60% - アクセント 3 2" xfId="71"/>
    <cellStyle name="60% - アクセント 4 2" xfId="72"/>
    <cellStyle name="60% - アクセント 5 2" xfId="73"/>
    <cellStyle name="60% - アクセント 6 2" xfId="74"/>
    <cellStyle name="Calc Currency (0)" xfId="8"/>
    <cellStyle name="Calc Currency (0) 2" xfId="75"/>
    <cellStyle name="Comma [0]_laroux" xfId="76"/>
    <cellStyle name="Comma_laroux" xfId="77"/>
    <cellStyle name="Currency [0]_laroux" xfId="78"/>
    <cellStyle name="Currency_laroux" xfId="79"/>
    <cellStyle name="entry" xfId="9"/>
    <cellStyle name="Grey" xfId="10"/>
    <cellStyle name="Header1" xfId="11"/>
    <cellStyle name="Header2" xfId="12"/>
    <cellStyle name="Input [yellow]" xfId="13"/>
    <cellStyle name="Normal - Style1" xfId="14"/>
    <cellStyle name="Normal_#18-Internet" xfId="15"/>
    <cellStyle name="ORG" xfId="80"/>
    <cellStyle name="Percent [2]" xfId="16"/>
    <cellStyle name="price" xfId="17"/>
    <cellStyle name="PSChar" xfId="18"/>
    <cellStyle name="PSHeading" xfId="19"/>
    <cellStyle name="revised" xfId="20"/>
    <cellStyle name="sc5" xfId="21"/>
    <cellStyle name="sc7" xfId="22"/>
    <cellStyle name="section" xfId="23"/>
    <cellStyle name="Standard_COST INPUT SHEET" xfId="24"/>
    <cellStyle name="STYL0 - スタイル1" xfId="81"/>
    <cellStyle name="STYL1 - スタイル2" xfId="82"/>
    <cellStyle name="STYL2 - スタイル3" xfId="83"/>
    <cellStyle name="STYL3 - スタイル4" xfId="84"/>
    <cellStyle name="STYL4 - スタイル5" xfId="85"/>
    <cellStyle name="STYL5 - スタイル6" xfId="86"/>
    <cellStyle name="STYL6 - スタイル7" xfId="87"/>
    <cellStyle name="STYL7 - スタイル8" xfId="88"/>
    <cellStyle name="subhead" xfId="25"/>
    <cellStyle name="SYUUKEI" xfId="89"/>
    <cellStyle name="title" xfId="26"/>
    <cellStyle name="アクセント 1 2" xfId="90"/>
    <cellStyle name="アクセント 2 2" xfId="91"/>
    <cellStyle name="アクセント 3 2" xfId="92"/>
    <cellStyle name="アクセント 4 2" xfId="93"/>
    <cellStyle name="アクセント 6 2" xfId="94"/>
    <cellStyle name="タイトル 2" xfId="95"/>
    <cellStyle name="どちらでもない 2" xfId="96"/>
    <cellStyle name="パーセント 2" xfId="2"/>
    <cellStyle name="パーセント 3" xfId="97"/>
    <cellStyle name="パーセント 4" xfId="98"/>
    <cellStyle name="ﾌｫﾝﾄ変更" xfId="27"/>
    <cellStyle name="メモ 2" xfId="99"/>
    <cellStyle name="リンク セル 2" xfId="100"/>
    <cellStyle name="悪い 2" xfId="101"/>
    <cellStyle name="下段_0" xfId="28"/>
    <cellStyle name="会社名" xfId="29"/>
    <cellStyle name="金額" xfId="30"/>
    <cellStyle name="計算 2" xfId="102"/>
    <cellStyle name="桁蟻唇Ｆ [0.00]_laroux" xfId="103"/>
    <cellStyle name="桁蟻唇Ｆ_laroux" xfId="104"/>
    <cellStyle name="桁区切り [0.0]" xfId="31"/>
    <cellStyle name="桁区切り 2" xfId="3"/>
    <cellStyle name="桁区切り 2 2" xfId="32"/>
    <cellStyle name="桁区切り 2 2 2" xfId="105"/>
    <cellStyle name="桁区切り 2 3" xfId="106"/>
    <cellStyle name="桁区切り 3" xfId="107"/>
    <cellStyle name="桁区切り 4" xfId="108"/>
    <cellStyle name="桁区切り（０なし）" xfId="33"/>
    <cellStyle name="見出し" xfId="109"/>
    <cellStyle name="見出し 1 2" xfId="110"/>
    <cellStyle name="見出し 2 2" xfId="111"/>
    <cellStyle name="見出し 3 2" xfId="112"/>
    <cellStyle name="見出し 4 2" xfId="113"/>
    <cellStyle name="見積桁区切り" xfId="34"/>
    <cellStyle name="見積-桁区切り" xfId="35"/>
    <cellStyle name="見積-通貨記号" xfId="36"/>
    <cellStyle name="個" xfId="114"/>
    <cellStyle name="個_仕切弁きょう" xfId="115"/>
    <cellStyle name="個_仕切弁きょう(千本)" xfId="116"/>
    <cellStyle name="個_仕切弁きょう静市" xfId="117"/>
    <cellStyle name="個_仕切弁きょう堀川" xfId="118"/>
    <cellStyle name="個_支給材料東半木町" xfId="119"/>
    <cellStyle name="個_数量" xfId="120"/>
    <cellStyle name="個_数量(一乗寺)" xfId="121"/>
    <cellStyle name="個_数量(吉田)" xfId="122"/>
    <cellStyle name="個_数量(四条大宮)" xfId="123"/>
    <cellStyle name="個_数量1" xfId="124"/>
    <cellStyle name="個_数量2" xfId="125"/>
    <cellStyle name="個_数量蹴上(修正後)" xfId="126"/>
    <cellStyle name="工期算定表" xfId="37"/>
    <cellStyle name="左官" xfId="127"/>
    <cellStyle name="集計 2" xfId="128"/>
    <cellStyle name="出力 2" xfId="129"/>
    <cellStyle name="上段_0" xfId="38"/>
    <cellStyle name="数量" xfId="39"/>
    <cellStyle name="数量計算" xfId="40"/>
    <cellStyle name="数量計算 2" xfId="130"/>
    <cellStyle name="積算" xfId="131"/>
    <cellStyle name="脱浦 [0.00]_１結右" xfId="132"/>
    <cellStyle name="脱浦_１結右" xfId="133"/>
    <cellStyle name="帳票" xfId="41"/>
    <cellStyle name="通貨 2" xfId="134"/>
    <cellStyle name="土木断面" xfId="135"/>
    <cellStyle name="内訳書" xfId="136"/>
    <cellStyle name="日付用" xfId="137"/>
    <cellStyle name="入力 2" xfId="138"/>
    <cellStyle name="標準" xfId="0" builtinId="0"/>
    <cellStyle name="標準 10" xfId="139"/>
    <cellStyle name="標準 11" xfId="140"/>
    <cellStyle name="標準 12" xfId="141"/>
    <cellStyle name="標準 13" xfId="146"/>
    <cellStyle name="標準 2" xfId="1"/>
    <cellStyle name="標準 2 2" xfId="42"/>
    <cellStyle name="標準 2 2 2" xfId="142"/>
    <cellStyle name="標準 2 3" xfId="48"/>
    <cellStyle name="標準 2_■改善版　 日永浄化センター第１系統№2ブロワ分解修繕設計書" xfId="143"/>
    <cellStyle name="標準 3" xfId="4"/>
    <cellStyle name="標準 4" xfId="49"/>
    <cellStyle name="標準 5" xfId="50"/>
    <cellStyle name="標準 6" xfId="51"/>
    <cellStyle name="標準 7" xfId="52"/>
    <cellStyle name="標準 8" xfId="53"/>
    <cellStyle name="標準 9" xfId="54"/>
    <cellStyle name="標準２" xfId="43"/>
    <cellStyle name="標準A" xfId="44"/>
    <cellStyle name="標準Ａ" xfId="45"/>
    <cellStyle name="表紙" xfId="46"/>
    <cellStyle name="別紙明細" xfId="144"/>
    <cellStyle name="未定義" xfId="47"/>
    <cellStyle name="未定義 2" xfId="55"/>
    <cellStyle name="良い 2" xfId="14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1.xml"/><Relationship Id="rId18" Type="http://schemas.openxmlformats.org/officeDocument/2006/relationships/externalLink" Target="externalLinks/externalLink16.xml"/><Relationship Id="rId26" Type="http://schemas.openxmlformats.org/officeDocument/2006/relationships/externalLink" Target="externalLinks/externalLink24.xml"/><Relationship Id="rId39" Type="http://schemas.openxmlformats.org/officeDocument/2006/relationships/externalLink" Target="externalLinks/externalLink37.xml"/><Relationship Id="rId21" Type="http://schemas.openxmlformats.org/officeDocument/2006/relationships/externalLink" Target="externalLinks/externalLink19.xml"/><Relationship Id="rId34" Type="http://schemas.openxmlformats.org/officeDocument/2006/relationships/externalLink" Target="externalLinks/externalLink32.xml"/><Relationship Id="rId42" Type="http://schemas.openxmlformats.org/officeDocument/2006/relationships/externalLink" Target="externalLinks/externalLink40.xml"/><Relationship Id="rId47" Type="http://schemas.openxmlformats.org/officeDocument/2006/relationships/externalLink" Target="externalLinks/externalLink45.xml"/><Relationship Id="rId50" Type="http://schemas.openxmlformats.org/officeDocument/2006/relationships/externalLink" Target="externalLinks/externalLink48.xml"/><Relationship Id="rId55" Type="http://schemas.openxmlformats.org/officeDocument/2006/relationships/sharedStrings" Target="sharedStrings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5" Type="http://schemas.openxmlformats.org/officeDocument/2006/relationships/externalLink" Target="externalLinks/externalLink23.xml"/><Relationship Id="rId33" Type="http://schemas.openxmlformats.org/officeDocument/2006/relationships/externalLink" Target="externalLinks/externalLink31.xml"/><Relationship Id="rId38" Type="http://schemas.openxmlformats.org/officeDocument/2006/relationships/externalLink" Target="externalLinks/externalLink36.xml"/><Relationship Id="rId46" Type="http://schemas.openxmlformats.org/officeDocument/2006/relationships/externalLink" Target="externalLinks/externalLink44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externalLink" Target="externalLinks/externalLink18.xml"/><Relationship Id="rId29" Type="http://schemas.openxmlformats.org/officeDocument/2006/relationships/externalLink" Target="externalLinks/externalLink27.xml"/><Relationship Id="rId41" Type="http://schemas.openxmlformats.org/officeDocument/2006/relationships/externalLink" Target="externalLinks/externalLink39.xml"/><Relationship Id="rId54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24" Type="http://schemas.openxmlformats.org/officeDocument/2006/relationships/externalLink" Target="externalLinks/externalLink22.xml"/><Relationship Id="rId32" Type="http://schemas.openxmlformats.org/officeDocument/2006/relationships/externalLink" Target="externalLinks/externalLink30.xml"/><Relationship Id="rId37" Type="http://schemas.openxmlformats.org/officeDocument/2006/relationships/externalLink" Target="externalLinks/externalLink35.xml"/><Relationship Id="rId40" Type="http://schemas.openxmlformats.org/officeDocument/2006/relationships/externalLink" Target="externalLinks/externalLink38.xml"/><Relationship Id="rId45" Type="http://schemas.openxmlformats.org/officeDocument/2006/relationships/externalLink" Target="externalLinks/externalLink43.xml"/><Relationship Id="rId53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23" Type="http://schemas.openxmlformats.org/officeDocument/2006/relationships/externalLink" Target="externalLinks/externalLink21.xml"/><Relationship Id="rId28" Type="http://schemas.openxmlformats.org/officeDocument/2006/relationships/externalLink" Target="externalLinks/externalLink26.xml"/><Relationship Id="rId36" Type="http://schemas.openxmlformats.org/officeDocument/2006/relationships/externalLink" Target="externalLinks/externalLink34.xml"/><Relationship Id="rId49" Type="http://schemas.openxmlformats.org/officeDocument/2006/relationships/externalLink" Target="externalLinks/externalLink47.xml"/><Relationship Id="rId10" Type="http://schemas.openxmlformats.org/officeDocument/2006/relationships/externalLink" Target="externalLinks/externalLink8.xml"/><Relationship Id="rId19" Type="http://schemas.openxmlformats.org/officeDocument/2006/relationships/externalLink" Target="externalLinks/externalLink17.xml"/><Relationship Id="rId31" Type="http://schemas.openxmlformats.org/officeDocument/2006/relationships/externalLink" Target="externalLinks/externalLink29.xml"/><Relationship Id="rId44" Type="http://schemas.openxmlformats.org/officeDocument/2006/relationships/externalLink" Target="externalLinks/externalLink42.xml"/><Relationship Id="rId52" Type="http://schemas.openxmlformats.org/officeDocument/2006/relationships/externalLink" Target="externalLinks/externalLink50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Relationship Id="rId22" Type="http://schemas.openxmlformats.org/officeDocument/2006/relationships/externalLink" Target="externalLinks/externalLink20.xml"/><Relationship Id="rId27" Type="http://schemas.openxmlformats.org/officeDocument/2006/relationships/externalLink" Target="externalLinks/externalLink25.xml"/><Relationship Id="rId30" Type="http://schemas.openxmlformats.org/officeDocument/2006/relationships/externalLink" Target="externalLinks/externalLink28.xml"/><Relationship Id="rId35" Type="http://schemas.openxmlformats.org/officeDocument/2006/relationships/externalLink" Target="externalLinks/externalLink33.xml"/><Relationship Id="rId43" Type="http://schemas.openxmlformats.org/officeDocument/2006/relationships/externalLink" Target="externalLinks/externalLink41.xml"/><Relationship Id="rId48" Type="http://schemas.openxmlformats.org/officeDocument/2006/relationships/externalLink" Target="externalLinks/externalLink46.xml"/><Relationship Id="rId8" Type="http://schemas.openxmlformats.org/officeDocument/2006/relationships/externalLink" Target="externalLinks/externalLink6.xml"/><Relationship Id="rId51" Type="http://schemas.openxmlformats.org/officeDocument/2006/relationships/externalLink" Target="externalLinks/externalLink49.xml"/><Relationship Id="rId3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Users\i96015\AppData\Local\Temp\notes6030C8\&#37329;&#20837;&#35373;&#35336;&#26360;&#65288;&#20195;&#20385;&#34920;&#12469;&#12531;&#12503;&#12523;&#65289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8580;&#30000;&#25972;&#20633;&#24037;&#20107;&#38306;&#36899;\H16&#25972;&#20633;&#24037;&#20107;\&#37326;&#38291;&#22524;&#29305;&#20462;\&#24418;&#21407;&#28207;&#21271;&#27231;&#22120;&#25764;&#21435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&#26397;&#26085;&#23567;&#25552;&#20986;&#29992;\&#26397;&#26085;&#23567;&#23398;&#26657;&#20870;&#24418;&#26657;&#33294;&#23567;&#35215;&#27169;&#25913;&#20462;&#24037;&#20107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EXCEL_DAT\&#20869;&#35379;&#35336;&#31639;&#26360;\&#21336;&#20385;&#34920;&#12289;&#25490;&#27700;&#26717;&#20195;&#20385;&#34920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335;&#37096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069;&#24029;&#24037;&#20107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&#27231;&#26800;&#35373;&#20633;&#21336;&#20385;&#34920;/H22&#27231;&#26800;&#21336;&#20385;/C&#34907;&#29983;&#22120;&#20855;&#35373;&#20633;2010&#23436;&#25104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表"/>
      <sheetName val="内訳書"/>
      <sheetName val="一位代価"/>
      <sheetName val="電気数量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71"/>
  <sheetViews>
    <sheetView view="pageBreakPreview" zoomScale="82" zoomScaleNormal="75" zoomScaleSheetLayoutView="82" workbookViewId="0">
      <selection activeCell="C1" sqref="C1"/>
    </sheetView>
  </sheetViews>
  <sheetFormatPr defaultRowHeight="18.75"/>
  <cols>
    <col min="1" max="1" width="11.875" style="2" customWidth="1"/>
    <col min="2" max="3" width="15.625" style="2" customWidth="1"/>
    <col min="4" max="4" width="22.25" style="2" customWidth="1"/>
    <col min="5" max="5" width="8.625" style="2" customWidth="1"/>
    <col min="6" max="7" width="9.875" style="2" customWidth="1"/>
    <col min="8" max="8" width="18.25" style="46" customWidth="1"/>
    <col min="9" max="9" width="9.25" style="2" customWidth="1"/>
    <col min="10" max="10" width="3.375" style="2" customWidth="1"/>
    <col min="11" max="11" width="14.625" style="2" bestFit="1" customWidth="1"/>
    <col min="12" max="12" width="9" style="2"/>
    <col min="13" max="13" width="14.625" style="2" bestFit="1" customWidth="1"/>
    <col min="14" max="16384" width="9" style="2"/>
  </cols>
  <sheetData>
    <row r="1" spans="1:13" ht="32.25" customHeight="1">
      <c r="A1" s="1" t="s">
        <v>76</v>
      </c>
      <c r="B1" s="66"/>
      <c r="C1" s="66" t="s">
        <v>78</v>
      </c>
      <c r="D1" s="66"/>
      <c r="E1" s="66"/>
      <c r="F1" s="66"/>
      <c r="G1" s="66"/>
      <c r="H1" s="67"/>
      <c r="I1" s="66"/>
    </row>
    <row r="2" spans="1:13" ht="16.5" customHeight="1">
      <c r="A2" s="3"/>
      <c r="B2" s="4"/>
      <c r="C2" s="4"/>
      <c r="D2" s="5"/>
      <c r="E2" s="4"/>
      <c r="F2" s="4"/>
      <c r="G2" s="4"/>
      <c r="H2" s="6"/>
      <c r="I2" s="7"/>
      <c r="J2" s="8"/>
      <c r="K2" s="9"/>
    </row>
    <row r="3" spans="1:13" ht="16.5" customHeight="1">
      <c r="A3" s="10" t="s">
        <v>17</v>
      </c>
      <c r="B3" s="11" t="s">
        <v>18</v>
      </c>
      <c r="C3" s="11" t="s">
        <v>19</v>
      </c>
      <c r="D3" s="11" t="s">
        <v>20</v>
      </c>
      <c r="E3" s="11" t="s">
        <v>21</v>
      </c>
      <c r="F3" s="11" t="s">
        <v>7</v>
      </c>
      <c r="G3" s="11" t="s">
        <v>66</v>
      </c>
      <c r="H3" s="12" t="s">
        <v>67</v>
      </c>
      <c r="I3" s="69" t="s">
        <v>68</v>
      </c>
      <c r="J3" s="70"/>
      <c r="K3" s="71"/>
    </row>
    <row r="4" spans="1:13" ht="16.5" customHeight="1">
      <c r="A4" s="13"/>
      <c r="B4" s="14"/>
      <c r="C4" s="14"/>
      <c r="D4" s="14"/>
      <c r="E4" s="14"/>
      <c r="F4" s="15"/>
      <c r="G4" s="14"/>
      <c r="H4" s="16"/>
      <c r="I4" s="17"/>
      <c r="J4" s="18"/>
      <c r="K4" s="19"/>
    </row>
    <row r="5" spans="1:13" ht="16.5" customHeight="1">
      <c r="A5" s="20" t="s">
        <v>47</v>
      </c>
      <c r="B5" s="21"/>
      <c r="C5" s="21"/>
      <c r="D5" s="21"/>
      <c r="E5" s="21"/>
      <c r="F5" s="22"/>
      <c r="G5" s="21"/>
      <c r="H5" s="23"/>
      <c r="I5" s="24"/>
      <c r="J5" s="25"/>
      <c r="K5" s="26"/>
    </row>
    <row r="6" spans="1:13" ht="16.5" customHeight="1">
      <c r="A6" s="13"/>
      <c r="B6" s="14"/>
      <c r="C6" s="14"/>
      <c r="D6" s="14"/>
      <c r="E6" s="14"/>
      <c r="F6" s="15"/>
      <c r="G6" s="14"/>
      <c r="H6" s="16"/>
      <c r="I6" s="17"/>
      <c r="J6" s="18"/>
      <c r="K6" s="19"/>
    </row>
    <row r="7" spans="1:13" ht="16.5" customHeight="1">
      <c r="A7" s="20" t="s">
        <v>22</v>
      </c>
      <c r="B7" s="21"/>
      <c r="C7" s="21"/>
      <c r="D7" s="21"/>
      <c r="E7" s="21"/>
      <c r="F7" s="22"/>
      <c r="G7" s="21"/>
      <c r="H7" s="23"/>
      <c r="I7" s="24"/>
      <c r="J7" s="25"/>
      <c r="K7" s="26"/>
    </row>
    <row r="8" spans="1:13" ht="16.5" customHeight="1">
      <c r="A8" s="13"/>
      <c r="B8" s="14"/>
      <c r="C8" s="14"/>
      <c r="D8" s="14"/>
      <c r="E8" s="14"/>
      <c r="F8" s="15"/>
      <c r="G8" s="14"/>
      <c r="H8" s="16"/>
      <c r="I8" s="17"/>
      <c r="J8" s="18"/>
      <c r="K8" s="19"/>
    </row>
    <row r="9" spans="1:13" ht="16.5" customHeight="1">
      <c r="A9" s="20"/>
      <c r="B9" s="21" t="s">
        <v>0</v>
      </c>
      <c r="C9" s="21"/>
      <c r="D9" s="21"/>
      <c r="E9" s="27" t="s">
        <v>8</v>
      </c>
      <c r="F9" s="22">
        <v>1</v>
      </c>
      <c r="G9" s="21"/>
      <c r="H9" s="23"/>
      <c r="I9" s="24"/>
      <c r="J9" s="25"/>
      <c r="K9" s="26"/>
      <c r="M9" s="28"/>
    </row>
    <row r="10" spans="1:13" ht="16.5" customHeight="1">
      <c r="A10" s="13"/>
      <c r="B10" s="14"/>
      <c r="C10" s="14"/>
      <c r="D10" s="14"/>
      <c r="E10" s="14"/>
      <c r="F10" s="15"/>
      <c r="G10" s="14"/>
      <c r="H10" s="16"/>
      <c r="I10" s="17"/>
      <c r="J10" s="18"/>
      <c r="K10" s="19"/>
      <c r="M10" s="28"/>
    </row>
    <row r="11" spans="1:13" ht="16.5" customHeight="1">
      <c r="A11" s="20"/>
      <c r="B11" s="21" t="s">
        <v>23</v>
      </c>
      <c r="C11" s="21"/>
      <c r="D11" s="21"/>
      <c r="E11" s="21"/>
      <c r="F11" s="22"/>
      <c r="G11" s="21"/>
      <c r="H11" s="23"/>
      <c r="I11" s="24"/>
      <c r="J11" s="25"/>
      <c r="K11" s="26"/>
    </row>
    <row r="12" spans="1:13" ht="16.5" customHeight="1">
      <c r="A12" s="13"/>
      <c r="B12" s="14"/>
      <c r="C12" s="14"/>
      <c r="D12" s="14"/>
      <c r="E12" s="14"/>
      <c r="F12" s="15"/>
      <c r="G12" s="14"/>
      <c r="H12" s="16"/>
      <c r="I12" s="17"/>
      <c r="J12" s="18"/>
      <c r="K12" s="19"/>
    </row>
    <row r="13" spans="1:13" ht="16.5" customHeight="1">
      <c r="A13" s="20"/>
      <c r="B13" s="21" t="s">
        <v>24</v>
      </c>
      <c r="C13" s="21"/>
      <c r="D13" s="21"/>
      <c r="E13" s="21"/>
      <c r="F13" s="22"/>
      <c r="G13" s="21"/>
      <c r="H13" s="23"/>
      <c r="I13" s="24"/>
      <c r="J13" s="25"/>
      <c r="K13" s="26"/>
    </row>
    <row r="14" spans="1:13" ht="16.5" customHeight="1">
      <c r="A14" s="13"/>
      <c r="B14" s="14"/>
      <c r="C14" s="14"/>
      <c r="D14" s="14"/>
      <c r="E14" s="14"/>
      <c r="F14" s="15"/>
      <c r="G14" s="14"/>
      <c r="H14" s="16"/>
      <c r="I14" s="17"/>
      <c r="J14" s="18"/>
      <c r="K14" s="19"/>
    </row>
    <row r="15" spans="1:13" ht="16.5" customHeight="1">
      <c r="A15" s="20"/>
      <c r="B15" s="21"/>
      <c r="C15" s="21" t="s">
        <v>1</v>
      </c>
      <c r="D15" s="21"/>
      <c r="E15" s="27" t="s">
        <v>8</v>
      </c>
      <c r="F15" s="22">
        <v>1</v>
      </c>
      <c r="G15" s="21"/>
      <c r="H15" s="23"/>
      <c r="I15" s="24"/>
      <c r="J15" s="25"/>
      <c r="K15" s="26"/>
    </row>
    <row r="16" spans="1:13" ht="16.5" customHeight="1">
      <c r="A16" s="13"/>
      <c r="B16" s="14"/>
      <c r="C16" s="14"/>
      <c r="D16" s="14"/>
      <c r="E16" s="14"/>
      <c r="F16" s="15"/>
      <c r="G16" s="14"/>
      <c r="H16" s="16"/>
      <c r="I16" s="17"/>
      <c r="J16" s="18"/>
      <c r="K16" s="19"/>
    </row>
    <row r="17" spans="1:11" ht="16.5" customHeight="1">
      <c r="A17" s="20"/>
      <c r="B17" s="21"/>
      <c r="C17" s="21"/>
      <c r="D17" s="21" t="s">
        <v>25</v>
      </c>
      <c r="E17" s="21"/>
      <c r="F17" s="22"/>
      <c r="G17" s="21"/>
      <c r="H17" s="23"/>
      <c r="I17" s="24"/>
      <c r="J17" s="25"/>
      <c r="K17" s="26"/>
    </row>
    <row r="18" spans="1:11" ht="16.5" customHeight="1">
      <c r="A18" s="13"/>
      <c r="B18" s="14"/>
      <c r="C18" s="14"/>
      <c r="D18" s="14"/>
      <c r="E18" s="14"/>
      <c r="F18" s="15"/>
      <c r="G18" s="14"/>
      <c r="H18" s="16"/>
      <c r="I18" s="17"/>
      <c r="J18" s="18"/>
      <c r="K18" s="19"/>
    </row>
    <row r="19" spans="1:11" ht="16.5" customHeight="1">
      <c r="A19" s="20"/>
      <c r="B19" s="21"/>
      <c r="C19" s="21" t="s">
        <v>9</v>
      </c>
      <c r="D19" s="21" t="s">
        <v>14</v>
      </c>
      <c r="E19" s="27" t="s">
        <v>8</v>
      </c>
      <c r="F19" s="22">
        <v>1</v>
      </c>
      <c r="G19" s="21"/>
      <c r="H19" s="23"/>
      <c r="I19" s="24"/>
      <c r="J19" s="25"/>
      <c r="K19" s="26"/>
    </row>
    <row r="20" spans="1:11" ht="16.5" customHeight="1">
      <c r="A20" s="13"/>
      <c r="B20" s="14"/>
      <c r="C20" s="14"/>
      <c r="D20" s="14"/>
      <c r="E20" s="14"/>
      <c r="F20" s="15"/>
      <c r="G20" s="14"/>
      <c r="H20" s="16"/>
      <c r="I20" s="17"/>
      <c r="J20" s="18"/>
      <c r="K20" s="19"/>
    </row>
    <row r="21" spans="1:11" ht="16.5" customHeight="1">
      <c r="A21" s="20"/>
      <c r="B21" s="21"/>
      <c r="C21" s="21"/>
      <c r="D21" s="21" t="s">
        <v>26</v>
      </c>
      <c r="E21" s="27" t="s">
        <v>8</v>
      </c>
      <c r="F21" s="22">
        <v>1</v>
      </c>
      <c r="G21" s="21"/>
      <c r="H21" s="23"/>
      <c r="I21" s="29"/>
      <c r="J21" s="25"/>
      <c r="K21" s="26"/>
    </row>
    <row r="22" spans="1:11" ht="16.5" customHeight="1">
      <c r="A22" s="13"/>
      <c r="B22" s="14"/>
      <c r="C22" s="14"/>
      <c r="D22" s="14"/>
      <c r="E22" s="14"/>
      <c r="F22" s="15"/>
      <c r="G22" s="14"/>
      <c r="H22" s="16"/>
      <c r="I22" s="17"/>
      <c r="J22" s="18"/>
      <c r="K22" s="19"/>
    </row>
    <row r="23" spans="1:11" ht="16.5" customHeight="1">
      <c r="A23" s="20"/>
      <c r="B23" s="21"/>
      <c r="C23" s="21"/>
      <c r="D23" s="21" t="s">
        <v>27</v>
      </c>
      <c r="E23" s="21"/>
      <c r="F23" s="22"/>
      <c r="G23" s="21"/>
      <c r="H23" s="23"/>
      <c r="I23" s="24"/>
      <c r="J23" s="25"/>
      <c r="K23" s="26"/>
    </row>
    <row r="24" spans="1:11" ht="16.5" customHeight="1">
      <c r="A24" s="13"/>
      <c r="B24" s="14"/>
      <c r="C24" s="14"/>
      <c r="D24" s="14"/>
      <c r="E24" s="14"/>
      <c r="F24" s="15"/>
      <c r="G24" s="14"/>
      <c r="H24" s="16"/>
      <c r="I24" s="17"/>
      <c r="J24" s="18"/>
      <c r="K24" s="19"/>
    </row>
    <row r="25" spans="1:11" ht="16.5" customHeight="1">
      <c r="A25" s="20"/>
      <c r="B25" s="21"/>
      <c r="C25" s="21" t="s">
        <v>10</v>
      </c>
      <c r="D25" s="21" t="s">
        <v>45</v>
      </c>
      <c r="E25" s="27" t="s">
        <v>8</v>
      </c>
      <c r="F25" s="22">
        <v>1</v>
      </c>
      <c r="G25" s="21"/>
      <c r="H25" s="23"/>
      <c r="I25" s="24"/>
      <c r="J25" s="25"/>
      <c r="K25" s="26"/>
    </row>
    <row r="26" spans="1:11" ht="16.5" customHeight="1">
      <c r="A26" s="13"/>
      <c r="B26" s="14"/>
      <c r="C26" s="14"/>
      <c r="D26" s="14"/>
      <c r="E26" s="14"/>
      <c r="F26" s="15"/>
      <c r="G26" s="14"/>
      <c r="H26" s="16"/>
      <c r="I26" s="17"/>
      <c r="J26" s="18"/>
      <c r="K26" s="19"/>
    </row>
    <row r="27" spans="1:11" ht="16.5" customHeight="1">
      <c r="A27" s="20"/>
      <c r="B27" s="21"/>
      <c r="C27" s="21"/>
      <c r="D27" s="21" t="s">
        <v>2</v>
      </c>
      <c r="E27" s="27" t="s">
        <v>8</v>
      </c>
      <c r="F27" s="22">
        <v>1</v>
      </c>
      <c r="G27" s="21"/>
      <c r="H27" s="23"/>
      <c r="I27" s="24"/>
      <c r="J27" s="25"/>
      <c r="K27" s="26"/>
    </row>
    <row r="28" spans="1:11" ht="16.5" customHeight="1">
      <c r="A28" s="13"/>
      <c r="B28" s="14"/>
      <c r="C28" s="14"/>
      <c r="D28" s="14"/>
      <c r="E28" s="14"/>
      <c r="F28" s="15"/>
      <c r="G28" s="14"/>
      <c r="H28" s="16"/>
      <c r="I28" s="17"/>
      <c r="J28" s="18"/>
      <c r="K28" s="19"/>
    </row>
    <row r="29" spans="1:11" ht="16.5" customHeight="1">
      <c r="A29" s="20"/>
      <c r="B29" s="21"/>
      <c r="C29" s="21"/>
      <c r="D29" s="21" t="s">
        <v>28</v>
      </c>
      <c r="E29" s="21"/>
      <c r="F29" s="22"/>
      <c r="G29" s="21"/>
      <c r="H29" s="23"/>
      <c r="I29" s="24"/>
      <c r="J29" s="25"/>
      <c r="K29" s="26"/>
    </row>
    <row r="30" spans="1:11" ht="16.5" customHeight="1">
      <c r="A30" s="13"/>
      <c r="B30" s="14"/>
      <c r="C30" s="30"/>
      <c r="D30" s="30"/>
      <c r="E30" s="30"/>
      <c r="F30" s="31"/>
      <c r="G30" s="30"/>
      <c r="H30" s="32"/>
      <c r="I30" s="17"/>
      <c r="J30" s="18"/>
      <c r="K30" s="19"/>
    </row>
    <row r="31" spans="1:11" ht="16.5" customHeight="1">
      <c r="A31" s="20"/>
      <c r="B31" s="21"/>
      <c r="C31" s="21" t="s">
        <v>3</v>
      </c>
      <c r="D31" s="21"/>
      <c r="E31" s="27" t="s">
        <v>8</v>
      </c>
      <c r="F31" s="22">
        <v>1</v>
      </c>
      <c r="G31" s="21"/>
      <c r="H31" s="23"/>
      <c r="I31" s="24"/>
      <c r="J31" s="25"/>
      <c r="K31" s="26"/>
    </row>
    <row r="32" spans="1:11" ht="16.5" customHeight="1">
      <c r="A32" s="13"/>
      <c r="B32" s="14"/>
      <c r="C32" s="14"/>
      <c r="D32" s="14"/>
      <c r="E32" s="14"/>
      <c r="F32" s="15"/>
      <c r="G32" s="14"/>
      <c r="H32" s="16"/>
      <c r="I32" s="17"/>
      <c r="J32" s="18"/>
      <c r="K32" s="19"/>
    </row>
    <row r="33" spans="1:11" ht="16.5" customHeight="1">
      <c r="A33" s="33"/>
      <c r="B33" s="34"/>
      <c r="C33" s="34"/>
      <c r="D33" s="34" t="s">
        <v>29</v>
      </c>
      <c r="E33" s="34"/>
      <c r="F33" s="35"/>
      <c r="G33" s="34"/>
      <c r="H33" s="36"/>
      <c r="I33" s="37"/>
      <c r="J33" s="38"/>
      <c r="K33" s="39"/>
    </row>
    <row r="34" spans="1:11" ht="16.5" customHeight="1">
      <c r="A34" s="13"/>
      <c r="B34" s="14"/>
      <c r="C34" s="14"/>
      <c r="D34" s="14"/>
      <c r="E34" s="14"/>
      <c r="F34" s="15"/>
      <c r="G34" s="14"/>
      <c r="H34" s="16"/>
      <c r="I34" s="17"/>
      <c r="J34" s="18"/>
      <c r="K34" s="19"/>
    </row>
    <row r="35" spans="1:11" ht="16.5" customHeight="1">
      <c r="A35" s="20"/>
      <c r="B35" s="21"/>
      <c r="C35" s="21" t="s">
        <v>30</v>
      </c>
      <c r="D35" s="21" t="s">
        <v>15</v>
      </c>
      <c r="E35" s="27" t="s">
        <v>8</v>
      </c>
      <c r="F35" s="22">
        <v>1</v>
      </c>
      <c r="G35" s="21"/>
      <c r="H35" s="23"/>
      <c r="I35" s="40"/>
      <c r="J35" s="25"/>
      <c r="K35" s="41"/>
    </row>
    <row r="36" spans="1:11" ht="16.5" customHeight="1">
      <c r="A36" s="13"/>
      <c r="B36" s="14"/>
      <c r="C36" s="14"/>
      <c r="D36" s="14"/>
      <c r="E36" s="14"/>
      <c r="F36" s="15"/>
      <c r="G36" s="14"/>
      <c r="H36" s="16"/>
      <c r="I36" s="17"/>
      <c r="J36" s="18"/>
      <c r="K36" s="19"/>
    </row>
    <row r="37" spans="1:11" ht="16.5" customHeight="1">
      <c r="A37" s="20"/>
      <c r="B37" s="21"/>
      <c r="C37" s="21"/>
      <c r="D37" s="21" t="s">
        <v>4</v>
      </c>
      <c r="E37" s="27" t="s">
        <v>8</v>
      </c>
      <c r="F37" s="22">
        <v>1</v>
      </c>
      <c r="G37" s="21"/>
      <c r="H37" s="23"/>
      <c r="I37" s="24"/>
      <c r="J37" s="25"/>
      <c r="K37" s="26"/>
    </row>
    <row r="38" spans="1:11" ht="16.5" customHeight="1">
      <c r="A38" s="13"/>
      <c r="B38" s="14"/>
      <c r="C38" s="14"/>
      <c r="D38" s="14"/>
      <c r="E38" s="14"/>
      <c r="F38" s="15"/>
      <c r="G38" s="14"/>
      <c r="H38" s="16"/>
      <c r="I38" s="17"/>
      <c r="J38" s="18"/>
      <c r="K38" s="19"/>
    </row>
    <row r="39" spans="1:11" ht="16.5" customHeight="1">
      <c r="A39" s="20"/>
      <c r="B39" s="21"/>
      <c r="C39" s="21"/>
      <c r="D39" s="21" t="s">
        <v>31</v>
      </c>
      <c r="E39" s="21"/>
      <c r="F39" s="22"/>
      <c r="G39" s="21"/>
      <c r="H39" s="23"/>
      <c r="I39" s="24"/>
      <c r="J39" s="25"/>
      <c r="K39" s="26"/>
    </row>
    <row r="40" spans="1:11" ht="16.5" customHeight="1">
      <c r="A40" s="13"/>
      <c r="B40" s="14"/>
      <c r="C40" s="14"/>
      <c r="D40" s="14"/>
      <c r="E40" s="14"/>
      <c r="F40" s="15"/>
      <c r="G40" s="14"/>
      <c r="H40" s="16"/>
      <c r="I40" s="17"/>
      <c r="J40" s="18"/>
      <c r="K40" s="19"/>
    </row>
    <row r="41" spans="1:11" ht="16.5" customHeight="1">
      <c r="A41" s="20"/>
      <c r="B41" s="21"/>
      <c r="C41" s="21" t="s">
        <v>32</v>
      </c>
      <c r="D41" s="21"/>
      <c r="E41" s="27" t="s">
        <v>8</v>
      </c>
      <c r="F41" s="22">
        <v>1</v>
      </c>
      <c r="G41" s="21"/>
      <c r="H41" s="23"/>
      <c r="I41" s="42"/>
      <c r="J41" s="25"/>
      <c r="K41" s="26"/>
    </row>
    <row r="42" spans="1:11" ht="16.5" customHeight="1">
      <c r="A42" s="13"/>
      <c r="B42" s="14"/>
      <c r="C42" s="14"/>
      <c r="D42" s="14"/>
      <c r="E42" s="14"/>
      <c r="F42" s="15"/>
      <c r="G42" s="14"/>
      <c r="H42" s="16"/>
      <c r="I42" s="17"/>
      <c r="J42" s="18"/>
      <c r="K42" s="19"/>
    </row>
    <row r="43" spans="1:11" ht="16.5" customHeight="1">
      <c r="A43" s="20"/>
      <c r="B43" s="21"/>
      <c r="C43" s="21"/>
      <c r="D43" s="21" t="s">
        <v>33</v>
      </c>
      <c r="E43" s="21"/>
      <c r="F43" s="22"/>
      <c r="G43" s="21"/>
      <c r="H43" s="23"/>
      <c r="I43" s="24"/>
      <c r="J43" s="25"/>
      <c r="K43" s="26"/>
    </row>
    <row r="44" spans="1:11" ht="16.5" customHeight="1">
      <c r="A44" s="13"/>
      <c r="B44" s="14"/>
      <c r="C44" s="14"/>
      <c r="D44" s="14"/>
      <c r="E44" s="14"/>
      <c r="F44" s="15"/>
      <c r="G44" s="14"/>
      <c r="H44" s="16"/>
      <c r="I44" s="17"/>
      <c r="J44" s="18"/>
      <c r="K44" s="19"/>
    </row>
    <row r="45" spans="1:11" ht="16.5" customHeight="1">
      <c r="A45" s="20"/>
      <c r="B45" s="21" t="s">
        <v>34</v>
      </c>
      <c r="C45" s="21"/>
      <c r="D45" s="21"/>
      <c r="E45" s="21"/>
      <c r="F45" s="22"/>
      <c r="G45" s="21"/>
      <c r="H45" s="23"/>
      <c r="I45" s="24"/>
      <c r="J45" s="25"/>
      <c r="K45" s="26"/>
    </row>
    <row r="46" spans="1:11" ht="16.5" customHeight="1">
      <c r="A46" s="13"/>
      <c r="B46" s="14"/>
      <c r="C46" s="14"/>
      <c r="D46" s="14"/>
      <c r="E46" s="14"/>
      <c r="F46" s="15"/>
      <c r="G46" s="14"/>
      <c r="H46" s="16"/>
      <c r="I46" s="17"/>
      <c r="J46" s="18"/>
      <c r="K46" s="19"/>
    </row>
    <row r="47" spans="1:11" ht="16.5" customHeight="1">
      <c r="A47" s="20"/>
      <c r="B47" s="21"/>
      <c r="C47" s="21"/>
      <c r="D47" s="21"/>
      <c r="E47" s="21"/>
      <c r="F47" s="22"/>
      <c r="G47" s="21"/>
      <c r="H47" s="23"/>
      <c r="I47" s="24"/>
      <c r="J47" s="25"/>
      <c r="K47" s="26"/>
    </row>
    <row r="48" spans="1:11" ht="16.5" customHeight="1">
      <c r="A48" s="13"/>
      <c r="B48" s="14"/>
      <c r="C48" s="14"/>
      <c r="D48" s="14"/>
      <c r="E48" s="14"/>
      <c r="F48" s="15"/>
      <c r="G48" s="14"/>
      <c r="H48" s="16"/>
      <c r="I48" s="17"/>
      <c r="J48" s="18"/>
      <c r="K48" s="19"/>
    </row>
    <row r="49" spans="1:11" ht="16.5" customHeight="1">
      <c r="A49" s="20"/>
      <c r="B49" s="21" t="s">
        <v>35</v>
      </c>
      <c r="C49" s="21" t="s">
        <v>36</v>
      </c>
      <c r="D49" s="21"/>
      <c r="E49" s="27" t="s">
        <v>8</v>
      </c>
      <c r="F49" s="22">
        <v>1</v>
      </c>
      <c r="G49" s="21"/>
      <c r="H49" s="23"/>
      <c r="I49" s="47"/>
      <c r="J49" s="25"/>
      <c r="K49" s="26"/>
    </row>
    <row r="50" spans="1:11" ht="16.5" customHeight="1">
      <c r="A50" s="13"/>
      <c r="B50" s="14"/>
      <c r="C50" s="14"/>
      <c r="D50" s="14"/>
      <c r="E50" s="14"/>
      <c r="F50" s="15"/>
      <c r="G50" s="14"/>
      <c r="H50" s="16"/>
      <c r="I50" s="17"/>
      <c r="J50" s="18"/>
      <c r="K50" s="19"/>
    </row>
    <row r="51" spans="1:11" ht="16.5" customHeight="1">
      <c r="A51" s="20"/>
      <c r="B51" s="21"/>
      <c r="C51" s="21"/>
      <c r="D51" s="21" t="s">
        <v>37</v>
      </c>
      <c r="E51" s="27" t="s">
        <v>8</v>
      </c>
      <c r="F51" s="22">
        <v>1</v>
      </c>
      <c r="G51" s="21"/>
      <c r="H51" s="23"/>
      <c r="I51" s="24"/>
      <c r="J51" s="25"/>
      <c r="K51" s="26"/>
    </row>
    <row r="52" spans="1:11" ht="16.5" customHeight="1">
      <c r="A52" s="13"/>
      <c r="B52" s="14"/>
      <c r="C52" s="14"/>
      <c r="D52" s="14"/>
      <c r="E52" s="14"/>
      <c r="F52" s="15"/>
      <c r="G52" s="14"/>
      <c r="H52" s="16"/>
      <c r="I52" s="17"/>
      <c r="J52" s="18"/>
      <c r="K52" s="19"/>
    </row>
    <row r="53" spans="1:11" ht="16.5" customHeight="1">
      <c r="A53" s="20"/>
      <c r="B53" s="21"/>
      <c r="C53" s="21"/>
      <c r="D53" s="21" t="s">
        <v>38</v>
      </c>
      <c r="E53" s="27" t="s">
        <v>8</v>
      </c>
      <c r="F53" s="22">
        <v>1</v>
      </c>
      <c r="G53" s="21"/>
      <c r="H53" s="23"/>
      <c r="I53" s="24"/>
      <c r="J53" s="25"/>
      <c r="K53" s="26"/>
    </row>
    <row r="54" spans="1:11" ht="16.5" customHeight="1">
      <c r="A54" s="13"/>
      <c r="B54" s="14"/>
      <c r="C54" s="14"/>
      <c r="D54" s="14"/>
      <c r="E54" s="14"/>
      <c r="F54" s="15"/>
      <c r="G54" s="14"/>
      <c r="H54" s="16"/>
      <c r="I54" s="17"/>
      <c r="J54" s="18"/>
      <c r="K54" s="19"/>
    </row>
    <row r="55" spans="1:11" ht="16.5" customHeight="1">
      <c r="A55" s="20"/>
      <c r="B55" s="21"/>
      <c r="C55" s="21"/>
      <c r="D55" s="21" t="s">
        <v>16</v>
      </c>
      <c r="E55" s="27" t="s">
        <v>8</v>
      </c>
      <c r="F55" s="22">
        <v>1</v>
      </c>
      <c r="G55" s="21"/>
      <c r="H55" s="23"/>
      <c r="I55" s="24"/>
      <c r="J55" s="25"/>
      <c r="K55" s="26"/>
    </row>
    <row r="56" spans="1:11" ht="16.5" customHeight="1">
      <c r="A56" s="13"/>
      <c r="B56" s="14"/>
      <c r="C56" s="14"/>
      <c r="D56" s="14"/>
      <c r="E56" s="14"/>
      <c r="F56" s="15"/>
      <c r="G56" s="14"/>
      <c r="H56" s="16"/>
      <c r="I56" s="17"/>
      <c r="J56" s="18"/>
      <c r="K56" s="19"/>
    </row>
    <row r="57" spans="1:11" ht="16.5" customHeight="1">
      <c r="A57" s="20"/>
      <c r="B57" s="21"/>
      <c r="C57" s="21"/>
      <c r="D57" s="21" t="s">
        <v>39</v>
      </c>
      <c r="E57" s="27" t="s">
        <v>8</v>
      </c>
      <c r="F57" s="22">
        <v>1</v>
      </c>
      <c r="G57" s="21"/>
      <c r="H57" s="23"/>
      <c r="I57" s="24"/>
      <c r="J57" s="25"/>
      <c r="K57" s="26"/>
    </row>
    <row r="58" spans="1:11" ht="16.5" customHeight="1">
      <c r="A58" s="13"/>
      <c r="B58" s="14"/>
      <c r="C58" s="14"/>
      <c r="D58" s="14"/>
      <c r="E58" s="14"/>
      <c r="F58" s="15"/>
      <c r="G58" s="14"/>
      <c r="H58" s="16"/>
      <c r="I58" s="17"/>
      <c r="J58" s="18"/>
      <c r="K58" s="19"/>
    </row>
    <row r="59" spans="1:11" ht="16.5" customHeight="1">
      <c r="A59" s="20"/>
      <c r="B59" s="21"/>
      <c r="C59" s="21"/>
      <c r="D59" s="21" t="s">
        <v>40</v>
      </c>
      <c r="E59" s="27" t="s">
        <v>8</v>
      </c>
      <c r="F59" s="22">
        <v>1</v>
      </c>
      <c r="G59" s="21"/>
      <c r="H59" s="23"/>
      <c r="I59" s="24"/>
      <c r="J59" s="25"/>
      <c r="K59" s="26"/>
    </row>
    <row r="60" spans="1:11" ht="16.5" customHeight="1">
      <c r="A60" s="13"/>
      <c r="B60" s="14"/>
      <c r="C60" s="14"/>
      <c r="D60" s="14"/>
      <c r="E60" s="14"/>
      <c r="F60" s="15"/>
      <c r="G60" s="14"/>
      <c r="H60" s="16"/>
      <c r="I60" s="17"/>
      <c r="J60" s="18"/>
      <c r="K60" s="19"/>
    </row>
    <row r="61" spans="1:11" ht="16.5" customHeight="1">
      <c r="A61" s="20"/>
      <c r="B61" s="21"/>
      <c r="C61" s="21" t="s">
        <v>41</v>
      </c>
      <c r="D61" s="21"/>
      <c r="E61" s="21"/>
      <c r="F61" s="22"/>
      <c r="G61" s="21"/>
      <c r="H61" s="23"/>
      <c r="I61" s="24"/>
      <c r="J61" s="25"/>
      <c r="K61" s="41"/>
    </row>
    <row r="62" spans="1:11" ht="16.5" customHeight="1">
      <c r="A62" s="13"/>
      <c r="B62" s="14"/>
      <c r="C62" s="14"/>
      <c r="D62" s="14"/>
      <c r="E62" s="14"/>
      <c r="F62" s="15"/>
      <c r="G62" s="14"/>
      <c r="H62" s="16"/>
      <c r="I62" s="17"/>
      <c r="J62" s="18"/>
      <c r="K62" s="19"/>
    </row>
    <row r="63" spans="1:11" ht="16.5" customHeight="1">
      <c r="A63" s="33"/>
      <c r="B63" s="34" t="s">
        <v>69</v>
      </c>
      <c r="C63" s="34"/>
      <c r="D63" s="34"/>
      <c r="E63" s="34"/>
      <c r="F63" s="35"/>
      <c r="G63" s="34"/>
      <c r="H63" s="36"/>
      <c r="I63" s="37" t="s">
        <v>70</v>
      </c>
      <c r="J63" s="38"/>
      <c r="K63" s="39"/>
    </row>
    <row r="64" spans="1:11" ht="16.5" customHeight="1">
      <c r="A64" s="13"/>
      <c r="B64" s="14"/>
      <c r="C64" s="14"/>
      <c r="D64" s="14"/>
      <c r="E64" s="14"/>
      <c r="F64" s="15"/>
      <c r="G64" s="14"/>
      <c r="H64" s="16"/>
      <c r="I64" s="17"/>
      <c r="J64" s="18"/>
      <c r="K64" s="19"/>
    </row>
    <row r="65" spans="1:11" ht="16.5" customHeight="1">
      <c r="A65" s="20"/>
      <c r="B65" s="21"/>
      <c r="C65" s="21" t="s">
        <v>42</v>
      </c>
      <c r="D65" s="21"/>
      <c r="E65" s="27" t="s">
        <v>8</v>
      </c>
      <c r="F65" s="22">
        <v>1</v>
      </c>
      <c r="G65" s="21"/>
      <c r="H65" s="23"/>
      <c r="I65" s="47"/>
      <c r="J65" s="25"/>
      <c r="K65" s="26"/>
    </row>
    <row r="66" spans="1:11" ht="16.5" customHeight="1">
      <c r="A66" s="13"/>
      <c r="B66" s="14"/>
      <c r="C66" s="14"/>
      <c r="D66" s="14"/>
      <c r="E66" s="14"/>
      <c r="F66" s="15"/>
      <c r="G66" s="14"/>
      <c r="H66" s="16"/>
      <c r="I66" s="17"/>
      <c r="J66" s="18"/>
      <c r="K66" s="19"/>
    </row>
    <row r="67" spans="1:11" ht="16.5" customHeight="1">
      <c r="A67" s="20"/>
      <c r="B67" s="21"/>
      <c r="C67" s="21" t="s">
        <v>43</v>
      </c>
      <c r="D67" s="21"/>
      <c r="E67" s="27" t="s">
        <v>8</v>
      </c>
      <c r="F67" s="22">
        <v>1</v>
      </c>
      <c r="G67" s="21"/>
      <c r="H67" s="23"/>
      <c r="I67" s="29"/>
      <c r="J67" s="25"/>
      <c r="K67" s="26"/>
    </row>
    <row r="68" spans="1:11" ht="16.5" customHeight="1">
      <c r="A68" s="13"/>
      <c r="B68" s="14"/>
      <c r="C68" s="14"/>
      <c r="D68" s="14"/>
      <c r="E68" s="14"/>
      <c r="F68" s="15"/>
      <c r="G68" s="14"/>
      <c r="H68" s="16"/>
      <c r="I68" s="17"/>
      <c r="J68" s="18"/>
      <c r="K68" s="19"/>
    </row>
    <row r="69" spans="1:11" ht="16.5" customHeight="1">
      <c r="A69" s="20"/>
      <c r="B69" s="21" t="s">
        <v>44</v>
      </c>
      <c r="C69" s="21"/>
      <c r="D69" s="21"/>
      <c r="E69" s="21"/>
      <c r="F69" s="22"/>
      <c r="G69" s="21"/>
      <c r="H69" s="23"/>
      <c r="I69" s="24"/>
      <c r="J69" s="25"/>
      <c r="K69" s="26"/>
    </row>
    <row r="70" spans="1:11" ht="16.5" customHeight="1">
      <c r="A70" s="13"/>
      <c r="B70" s="14"/>
      <c r="C70" s="14"/>
      <c r="D70" s="14"/>
      <c r="E70" s="14"/>
      <c r="F70" s="15"/>
      <c r="G70" s="14"/>
      <c r="H70" s="16"/>
      <c r="I70" s="17"/>
      <c r="J70" s="18"/>
      <c r="K70" s="19"/>
    </row>
    <row r="71" spans="1:11" ht="16.5" customHeight="1">
      <c r="A71" s="20"/>
      <c r="B71" s="21" t="s">
        <v>11</v>
      </c>
      <c r="C71" s="21"/>
      <c r="D71" s="21"/>
      <c r="E71" s="21"/>
      <c r="F71" s="22"/>
      <c r="G71" s="21"/>
      <c r="H71" s="23"/>
      <c r="I71" s="24"/>
      <c r="J71" s="25"/>
      <c r="K71" s="26"/>
    </row>
    <row r="72" spans="1:11" ht="16.5" customHeight="1">
      <c r="A72" s="13"/>
      <c r="B72" s="14"/>
      <c r="C72" s="14"/>
      <c r="D72" s="14"/>
      <c r="E72" s="14"/>
      <c r="F72" s="15"/>
      <c r="G72" s="14"/>
      <c r="H72" s="16"/>
      <c r="I72" s="17"/>
      <c r="J72" s="18"/>
      <c r="K72" s="19"/>
    </row>
    <row r="73" spans="1:11" ht="16.5" customHeight="1">
      <c r="A73" s="20"/>
      <c r="B73" s="21"/>
      <c r="C73" s="21" t="s">
        <v>5</v>
      </c>
      <c r="D73" s="21"/>
      <c r="E73" s="27" t="s">
        <v>8</v>
      </c>
      <c r="F73" s="22">
        <v>1</v>
      </c>
      <c r="G73" s="21"/>
      <c r="H73" s="23"/>
      <c r="I73" s="42"/>
      <c r="J73" s="25"/>
      <c r="K73" s="26"/>
    </row>
    <row r="74" spans="1:11" ht="16.5" customHeight="1">
      <c r="A74" s="13"/>
      <c r="B74" s="14"/>
      <c r="C74" s="14"/>
      <c r="D74" s="14"/>
      <c r="E74" s="14"/>
      <c r="F74" s="15"/>
      <c r="G74" s="14"/>
      <c r="H74" s="16"/>
      <c r="I74" s="17"/>
      <c r="J74" s="18"/>
      <c r="K74" s="19"/>
    </row>
    <row r="75" spans="1:11" ht="16.5" customHeight="1">
      <c r="A75" s="20"/>
      <c r="B75" s="21" t="s">
        <v>65</v>
      </c>
      <c r="C75" s="21"/>
      <c r="D75" s="21"/>
      <c r="E75" s="21"/>
      <c r="F75" s="22"/>
      <c r="G75" s="21"/>
      <c r="H75" s="23"/>
      <c r="I75" s="24"/>
      <c r="J75" s="25"/>
      <c r="K75" s="26"/>
    </row>
    <row r="76" spans="1:11" ht="16.5" customHeight="1">
      <c r="A76" s="13"/>
      <c r="B76" s="14"/>
      <c r="C76" s="14"/>
      <c r="D76" s="14"/>
      <c r="E76" s="14"/>
      <c r="F76" s="15"/>
      <c r="G76" s="14"/>
      <c r="H76" s="16"/>
      <c r="I76" s="17"/>
      <c r="J76" s="18"/>
      <c r="K76" s="19"/>
    </row>
    <row r="77" spans="1:11" ht="16.5" customHeight="1">
      <c r="A77" s="20"/>
      <c r="B77" s="21"/>
      <c r="C77" s="21" t="s">
        <v>73</v>
      </c>
      <c r="D77" s="21"/>
      <c r="E77" s="27" t="s">
        <v>71</v>
      </c>
      <c r="F77" s="22">
        <v>1</v>
      </c>
      <c r="G77" s="21"/>
      <c r="H77" s="23"/>
      <c r="I77" s="24"/>
      <c r="J77" s="25"/>
      <c r="K77" s="26"/>
    </row>
    <row r="78" spans="1:11" ht="16.5" customHeight="1">
      <c r="A78" s="13"/>
      <c r="B78" s="14"/>
      <c r="C78" s="14"/>
      <c r="D78" s="14"/>
      <c r="E78" s="14"/>
      <c r="F78" s="15"/>
      <c r="G78" s="14"/>
      <c r="H78" s="16"/>
      <c r="I78" s="17"/>
      <c r="J78" s="18"/>
      <c r="K78" s="19"/>
    </row>
    <row r="79" spans="1:11" ht="16.5" customHeight="1">
      <c r="A79" s="20"/>
      <c r="B79" s="21"/>
      <c r="C79" s="21" t="s">
        <v>74</v>
      </c>
      <c r="D79" s="21"/>
      <c r="E79" s="27" t="s">
        <v>71</v>
      </c>
      <c r="F79" s="22">
        <v>1</v>
      </c>
      <c r="G79" s="21"/>
      <c r="H79" s="23"/>
      <c r="I79" s="24"/>
      <c r="J79" s="25"/>
      <c r="K79" s="26"/>
    </row>
    <row r="80" spans="1:11" ht="16.5" customHeight="1">
      <c r="A80" s="13"/>
      <c r="B80" s="14"/>
      <c r="C80" s="14"/>
      <c r="D80" s="14"/>
      <c r="E80" s="14"/>
      <c r="F80" s="15"/>
      <c r="G80" s="14"/>
      <c r="H80" s="16"/>
      <c r="I80" s="17"/>
      <c r="J80" s="18"/>
      <c r="K80" s="19"/>
    </row>
    <row r="81" spans="1:11" ht="16.5" customHeight="1">
      <c r="A81" s="20"/>
      <c r="B81" s="21" t="s">
        <v>72</v>
      </c>
      <c r="C81" s="21"/>
      <c r="D81" s="21"/>
      <c r="E81" s="21"/>
      <c r="F81" s="22"/>
      <c r="G81" s="21"/>
      <c r="H81" s="23"/>
      <c r="I81" s="24"/>
      <c r="J81" s="25"/>
      <c r="K81" s="26"/>
    </row>
    <row r="82" spans="1:11" ht="16.5" customHeight="1">
      <c r="A82" s="13"/>
      <c r="B82" s="14"/>
      <c r="C82" s="14"/>
      <c r="D82" s="14"/>
      <c r="E82" s="14"/>
      <c r="F82" s="15"/>
      <c r="G82" s="14"/>
      <c r="H82" s="16"/>
      <c r="I82" s="17"/>
      <c r="J82" s="18"/>
      <c r="K82" s="19"/>
    </row>
    <row r="83" spans="1:11" ht="16.5" customHeight="1">
      <c r="A83" s="20"/>
      <c r="B83" s="21"/>
      <c r="C83" s="21" t="s">
        <v>6</v>
      </c>
      <c r="D83" s="21"/>
      <c r="E83" s="27" t="s">
        <v>8</v>
      </c>
      <c r="F83" s="22">
        <v>1</v>
      </c>
      <c r="G83" s="21"/>
      <c r="H83" s="23"/>
      <c r="I83" s="42"/>
      <c r="J83" s="25"/>
      <c r="K83" s="26"/>
    </row>
    <row r="84" spans="1:11" ht="16.5" customHeight="1">
      <c r="A84" s="13"/>
      <c r="B84" s="14"/>
      <c r="C84" s="14"/>
      <c r="D84" s="14"/>
      <c r="E84" s="14"/>
      <c r="F84" s="15"/>
      <c r="G84" s="14"/>
      <c r="H84" s="16"/>
      <c r="I84" s="17"/>
      <c r="J84" s="18"/>
      <c r="K84" s="19"/>
    </row>
    <row r="85" spans="1:11" ht="16.5" customHeight="1">
      <c r="A85" s="20" t="s">
        <v>12</v>
      </c>
      <c r="B85" s="21"/>
      <c r="C85" s="21"/>
      <c r="D85" s="21"/>
      <c r="E85" s="21"/>
      <c r="F85" s="22"/>
      <c r="G85" s="21"/>
      <c r="H85" s="23"/>
      <c r="I85" s="24"/>
      <c r="J85" s="25"/>
      <c r="K85" s="26"/>
    </row>
    <row r="86" spans="1:11" ht="16.5" customHeight="1">
      <c r="A86" s="13"/>
      <c r="B86" s="14"/>
      <c r="C86" s="14"/>
      <c r="D86" s="14"/>
      <c r="E86" s="14"/>
      <c r="F86" s="15"/>
      <c r="G86" s="14"/>
      <c r="H86" s="16"/>
      <c r="I86" s="17"/>
      <c r="J86" s="18"/>
      <c r="K86" s="19"/>
    </row>
    <row r="87" spans="1:11" ht="16.5" customHeight="1">
      <c r="A87" s="20"/>
      <c r="B87" s="21" t="s">
        <v>75</v>
      </c>
      <c r="C87" s="21"/>
      <c r="D87" s="21"/>
      <c r="E87" s="27" t="s">
        <v>8</v>
      </c>
      <c r="F87" s="22">
        <v>1</v>
      </c>
      <c r="G87" s="21"/>
      <c r="H87" s="43"/>
      <c r="I87" s="24"/>
      <c r="J87" s="25"/>
      <c r="K87" s="26"/>
    </row>
    <row r="88" spans="1:11" ht="16.5" customHeight="1">
      <c r="A88" s="13"/>
      <c r="B88" s="14"/>
      <c r="C88" s="14"/>
      <c r="D88" s="14"/>
      <c r="E88" s="14"/>
      <c r="F88" s="15"/>
      <c r="G88" s="14"/>
      <c r="H88" s="16"/>
      <c r="I88" s="17"/>
      <c r="J88" s="18"/>
      <c r="K88" s="19"/>
    </row>
    <row r="89" spans="1:11" ht="16.5" customHeight="1">
      <c r="A89" s="20" t="s">
        <v>13</v>
      </c>
      <c r="B89" s="21"/>
      <c r="C89" s="21"/>
      <c r="D89" s="21"/>
      <c r="E89" s="21"/>
      <c r="F89" s="22"/>
      <c r="G89" s="21"/>
      <c r="H89" s="23"/>
      <c r="I89" s="24"/>
      <c r="J89" s="25"/>
      <c r="K89" s="41"/>
    </row>
    <row r="90" spans="1:11" ht="16.5" customHeight="1">
      <c r="A90" s="13"/>
      <c r="B90" s="14"/>
      <c r="C90" s="14"/>
      <c r="D90" s="14"/>
      <c r="E90" s="14"/>
      <c r="F90" s="15"/>
      <c r="G90" s="14"/>
      <c r="H90" s="16"/>
      <c r="I90" s="17"/>
      <c r="J90" s="18"/>
      <c r="K90" s="19"/>
    </row>
    <row r="91" spans="1:11" ht="16.5" customHeight="1">
      <c r="A91" s="20"/>
      <c r="B91" s="21"/>
      <c r="C91" s="21"/>
      <c r="D91" s="21"/>
      <c r="E91" s="21"/>
      <c r="F91" s="22"/>
      <c r="G91" s="21"/>
      <c r="H91" s="23"/>
      <c r="I91" s="40"/>
      <c r="J91" s="25"/>
      <c r="K91" s="26"/>
    </row>
    <row r="92" spans="1:11" ht="16.5" customHeight="1">
      <c r="A92" s="13"/>
      <c r="B92" s="14"/>
      <c r="C92" s="14"/>
      <c r="D92" s="14"/>
      <c r="E92" s="14"/>
      <c r="F92" s="15"/>
      <c r="G92" s="14"/>
      <c r="H92" s="16"/>
      <c r="I92" s="17"/>
      <c r="J92" s="18"/>
      <c r="K92" s="19"/>
    </row>
    <row r="93" spans="1:11" ht="16.5" customHeight="1">
      <c r="A93" s="33"/>
      <c r="B93" s="34"/>
      <c r="C93" s="34"/>
      <c r="D93" s="34"/>
      <c r="E93" s="68"/>
      <c r="F93" s="35"/>
      <c r="G93" s="34"/>
      <c r="H93" s="36"/>
      <c r="I93" s="37"/>
      <c r="J93" s="38"/>
      <c r="K93" s="65"/>
    </row>
    <row r="94" spans="1:11">
      <c r="A94" s="44"/>
      <c r="B94" s="44"/>
      <c r="C94" s="44"/>
      <c r="D94" s="44"/>
      <c r="E94" s="44"/>
      <c r="F94" s="44"/>
      <c r="G94" s="44"/>
      <c r="H94" s="45"/>
      <c r="I94" s="44"/>
    </row>
    <row r="171" spans="14:14">
      <c r="N171" s="2">
        <v>516000</v>
      </c>
    </row>
  </sheetData>
  <mergeCells count="1">
    <mergeCell ref="I3:K3"/>
  </mergeCells>
  <phoneticPr fontId="2"/>
  <pageMargins left="0.59055118110236227" right="0.39370078740157483" top="0.59055118110236227" bottom="0.59055118110236227" header="0.51181102362204722" footer="0.31496062992125984"/>
  <pageSetup paperSize="9" scale="98" orientation="landscape" useFirstPageNumber="1" horizontalDpi="4294967292" r:id="rId1"/>
  <headerFooter alignWithMargins="0">
    <oddFooter>&amp;R（内訳書 M － &amp;P&amp; 号）</oddFooter>
  </headerFooter>
  <rowBreaks count="3" manualBreakCount="3">
    <brk id="33" max="16383" man="1"/>
    <brk id="63" max="10" man="1"/>
    <brk id="93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51"/>
  <sheetViews>
    <sheetView tabSelected="1" view="pageBreakPreview" zoomScaleNormal="75" workbookViewId="0">
      <selection activeCell="C1" sqref="C1"/>
    </sheetView>
  </sheetViews>
  <sheetFormatPr defaultRowHeight="11.25"/>
  <cols>
    <col min="1" max="1" width="0.125" style="48" customWidth="1"/>
    <col min="2" max="2" width="41.875" style="48" customWidth="1"/>
    <col min="3" max="3" width="14.875" style="48" customWidth="1"/>
    <col min="4" max="4" width="6.75" style="48" customWidth="1"/>
    <col min="5" max="5" width="35.125" style="48" customWidth="1"/>
    <col min="6" max="6" width="22.375" style="48" customWidth="1"/>
    <col min="7" max="16384" width="9" style="48"/>
  </cols>
  <sheetData>
    <row r="1" spans="1:6" ht="15.95" customHeight="1">
      <c r="B1" s="64" t="s">
        <v>77</v>
      </c>
      <c r="C1" s="81" t="s">
        <v>79</v>
      </c>
      <c r="D1" s="64"/>
      <c r="E1" s="64"/>
      <c r="F1" s="63" t="s">
        <v>64</v>
      </c>
    </row>
    <row r="2" spans="1:6" ht="12.6" customHeight="1">
      <c r="A2" s="54"/>
      <c r="B2" s="72"/>
      <c r="C2" s="73"/>
      <c r="D2" s="73"/>
      <c r="E2" s="73"/>
      <c r="F2" s="74"/>
    </row>
    <row r="3" spans="1:6" ht="12.6" customHeight="1">
      <c r="A3" s="54"/>
      <c r="B3" s="72"/>
      <c r="C3" s="73"/>
      <c r="D3" s="73"/>
      <c r="E3" s="73"/>
      <c r="F3" s="74"/>
    </row>
    <row r="4" spans="1:6" ht="10.5" customHeight="1">
      <c r="A4" s="54"/>
      <c r="B4" s="75" t="s">
        <v>63</v>
      </c>
      <c r="C4" s="77" t="s">
        <v>62</v>
      </c>
      <c r="D4" s="77" t="s">
        <v>61</v>
      </c>
      <c r="E4" s="77" t="s">
        <v>60</v>
      </c>
      <c r="F4" s="79" t="s">
        <v>59</v>
      </c>
    </row>
    <row r="5" spans="1:6" ht="10.5" customHeight="1">
      <c r="A5" s="54"/>
      <c r="B5" s="76"/>
      <c r="C5" s="78"/>
      <c r="D5" s="78"/>
      <c r="E5" s="78"/>
      <c r="F5" s="80"/>
    </row>
    <row r="6" spans="1:6" ht="11.1" customHeight="1">
      <c r="A6" s="54" t="s">
        <v>46</v>
      </c>
      <c r="B6" s="58" t="s">
        <v>58</v>
      </c>
      <c r="C6" s="56" t="s">
        <v>46</v>
      </c>
      <c r="D6" s="57" t="s">
        <v>46</v>
      </c>
      <c r="E6" s="56" t="s">
        <v>46</v>
      </c>
      <c r="F6" s="55" t="s">
        <v>46</v>
      </c>
    </row>
    <row r="7" spans="1:6" ht="11.1" customHeight="1">
      <c r="A7" s="54" t="s">
        <v>46</v>
      </c>
      <c r="B7" s="58" t="s">
        <v>46</v>
      </c>
      <c r="C7" s="56" t="s">
        <v>46</v>
      </c>
      <c r="D7" s="57" t="s">
        <v>46</v>
      </c>
      <c r="E7" s="56" t="s">
        <v>46</v>
      </c>
      <c r="F7" s="55" t="s">
        <v>46</v>
      </c>
    </row>
    <row r="8" spans="1:6" ht="11.1" customHeight="1">
      <c r="A8" s="54" t="s">
        <v>46</v>
      </c>
      <c r="B8" s="53" t="s">
        <v>46</v>
      </c>
      <c r="C8" s="51" t="s">
        <v>46</v>
      </c>
      <c r="D8" s="52" t="s">
        <v>46</v>
      </c>
      <c r="E8" s="51"/>
      <c r="F8" s="50" t="s">
        <v>46</v>
      </c>
    </row>
    <row r="9" spans="1:6" ht="11.1" customHeight="1">
      <c r="A9" s="54" t="s">
        <v>46</v>
      </c>
      <c r="B9" s="58" t="s">
        <v>57</v>
      </c>
      <c r="C9" s="56" t="s">
        <v>46</v>
      </c>
      <c r="D9" s="57" t="s">
        <v>46</v>
      </c>
      <c r="E9" s="56"/>
      <c r="F9" s="55" t="s">
        <v>46</v>
      </c>
    </row>
    <row r="10" spans="1:6" ht="11.1" customHeight="1">
      <c r="A10" s="54" t="s">
        <v>46</v>
      </c>
      <c r="B10" s="58" t="s">
        <v>46</v>
      </c>
      <c r="C10" s="56" t="s">
        <v>49</v>
      </c>
      <c r="D10" s="57" t="s">
        <v>46</v>
      </c>
      <c r="E10" s="56"/>
      <c r="F10" s="55" t="s">
        <v>46</v>
      </c>
    </row>
    <row r="11" spans="1:6" ht="11.1" customHeight="1">
      <c r="A11" s="54" t="s">
        <v>46</v>
      </c>
      <c r="B11" s="53" t="s">
        <v>46</v>
      </c>
      <c r="C11" s="51" t="s">
        <v>46</v>
      </c>
      <c r="D11" s="52" t="s">
        <v>52</v>
      </c>
      <c r="E11" s="51"/>
      <c r="F11" s="50" t="s">
        <v>46</v>
      </c>
    </row>
    <row r="12" spans="1:6" ht="11.1" customHeight="1">
      <c r="A12" s="54" t="s">
        <v>46</v>
      </c>
      <c r="B12" s="62" t="s">
        <v>51</v>
      </c>
      <c r="C12" s="60" t="s">
        <v>46</v>
      </c>
      <c r="D12" s="61" t="s">
        <v>46</v>
      </c>
      <c r="E12" s="60"/>
      <c r="F12" s="59" t="s">
        <v>46</v>
      </c>
    </row>
    <row r="13" spans="1:6" ht="11.1" customHeight="1">
      <c r="A13" s="54" t="s">
        <v>46</v>
      </c>
      <c r="B13" s="58" t="s">
        <v>46</v>
      </c>
      <c r="C13" s="56" t="s">
        <v>46</v>
      </c>
      <c r="D13" s="57" t="s">
        <v>46</v>
      </c>
      <c r="E13" s="56"/>
      <c r="F13" s="55" t="s">
        <v>46</v>
      </c>
    </row>
    <row r="14" spans="1:6" ht="11.1" customHeight="1">
      <c r="A14" s="54" t="s">
        <v>46</v>
      </c>
      <c r="B14" s="53" t="s">
        <v>46</v>
      </c>
      <c r="C14" s="51" t="s">
        <v>46</v>
      </c>
      <c r="D14" s="52" t="s">
        <v>46</v>
      </c>
      <c r="E14" s="51"/>
      <c r="F14" s="50" t="s">
        <v>46</v>
      </c>
    </row>
    <row r="15" spans="1:6" ht="11.1" customHeight="1">
      <c r="A15" s="54" t="s">
        <v>46</v>
      </c>
      <c r="B15" s="58" t="s">
        <v>56</v>
      </c>
      <c r="C15" s="56" t="s">
        <v>46</v>
      </c>
      <c r="D15" s="57" t="s">
        <v>46</v>
      </c>
      <c r="E15" s="56"/>
      <c r="F15" s="55" t="s">
        <v>46</v>
      </c>
    </row>
    <row r="16" spans="1:6" ht="11.1" customHeight="1">
      <c r="A16" s="54" t="s">
        <v>46</v>
      </c>
      <c r="B16" s="58" t="s">
        <v>46</v>
      </c>
      <c r="C16" s="56" t="s">
        <v>46</v>
      </c>
      <c r="D16" s="57" t="s">
        <v>46</v>
      </c>
      <c r="E16" s="56"/>
      <c r="F16" s="55" t="s">
        <v>46</v>
      </c>
    </row>
    <row r="17" spans="1:6" ht="11.1" customHeight="1">
      <c r="A17" s="54" t="s">
        <v>46</v>
      </c>
      <c r="B17" s="53" t="s">
        <v>46</v>
      </c>
      <c r="C17" s="51" t="s">
        <v>46</v>
      </c>
      <c r="D17" s="52" t="s">
        <v>46</v>
      </c>
      <c r="E17" s="51"/>
      <c r="F17" s="50" t="s">
        <v>46</v>
      </c>
    </row>
    <row r="18" spans="1:6" ht="11.1" customHeight="1">
      <c r="A18" s="54" t="s">
        <v>46</v>
      </c>
      <c r="B18" s="58" t="s">
        <v>55</v>
      </c>
      <c r="C18" s="56" t="s">
        <v>46</v>
      </c>
      <c r="D18" s="57" t="s">
        <v>46</v>
      </c>
      <c r="E18" s="56"/>
      <c r="F18" s="55" t="s">
        <v>46</v>
      </c>
    </row>
    <row r="19" spans="1:6" ht="11.1" customHeight="1">
      <c r="A19" s="54" t="s">
        <v>46</v>
      </c>
      <c r="B19" s="58" t="s">
        <v>46</v>
      </c>
      <c r="C19" s="56" t="s">
        <v>49</v>
      </c>
      <c r="D19" s="57" t="s">
        <v>46</v>
      </c>
      <c r="E19" s="56"/>
      <c r="F19" s="55" t="s">
        <v>46</v>
      </c>
    </row>
    <row r="20" spans="1:6" ht="11.1" customHeight="1">
      <c r="A20" s="54" t="s">
        <v>46</v>
      </c>
      <c r="B20" s="53" t="s">
        <v>46</v>
      </c>
      <c r="C20" s="51" t="s">
        <v>46</v>
      </c>
      <c r="D20" s="52" t="s">
        <v>52</v>
      </c>
      <c r="E20" s="51"/>
      <c r="F20" s="50" t="s">
        <v>46</v>
      </c>
    </row>
    <row r="21" spans="1:6" ht="11.1" customHeight="1">
      <c r="A21" s="54" t="s">
        <v>46</v>
      </c>
      <c r="B21" s="58" t="s">
        <v>54</v>
      </c>
      <c r="C21" s="56" t="s">
        <v>46</v>
      </c>
      <c r="D21" s="57" t="s">
        <v>46</v>
      </c>
      <c r="E21" s="56"/>
      <c r="F21" s="55" t="s">
        <v>46</v>
      </c>
    </row>
    <row r="22" spans="1:6" ht="11.1" customHeight="1">
      <c r="A22" s="54" t="s">
        <v>46</v>
      </c>
      <c r="B22" s="58" t="s">
        <v>46</v>
      </c>
      <c r="C22" s="56" t="s">
        <v>53</v>
      </c>
      <c r="D22" s="57" t="s">
        <v>46</v>
      </c>
      <c r="E22" s="56"/>
      <c r="F22" s="55" t="s">
        <v>46</v>
      </c>
    </row>
    <row r="23" spans="1:6" ht="11.1" customHeight="1">
      <c r="A23" s="54" t="s">
        <v>46</v>
      </c>
      <c r="B23" s="53" t="s">
        <v>46</v>
      </c>
      <c r="C23" s="51" t="s">
        <v>46</v>
      </c>
      <c r="D23" s="52" t="s">
        <v>52</v>
      </c>
      <c r="E23" s="51"/>
      <c r="F23" s="50" t="s">
        <v>46</v>
      </c>
    </row>
    <row r="24" spans="1:6" ht="11.1" customHeight="1">
      <c r="A24" s="54" t="s">
        <v>46</v>
      </c>
      <c r="B24" s="58"/>
      <c r="C24" s="56"/>
      <c r="D24" s="57"/>
      <c r="E24" s="56"/>
      <c r="F24" s="55" t="s">
        <v>46</v>
      </c>
    </row>
    <row r="25" spans="1:6" ht="11.1" customHeight="1">
      <c r="A25" s="54" t="s">
        <v>46</v>
      </c>
      <c r="B25" s="58"/>
      <c r="C25" s="56"/>
      <c r="D25" s="57"/>
      <c r="E25" s="56"/>
      <c r="F25" s="55" t="s">
        <v>46</v>
      </c>
    </row>
    <row r="26" spans="1:6" ht="11.1" customHeight="1">
      <c r="A26" s="54" t="s">
        <v>46</v>
      </c>
      <c r="B26" s="53"/>
      <c r="C26" s="51"/>
      <c r="D26" s="52"/>
      <c r="E26" s="51"/>
      <c r="F26" s="50" t="s">
        <v>46</v>
      </c>
    </row>
    <row r="27" spans="1:6" ht="11.1" customHeight="1">
      <c r="A27" s="54" t="s">
        <v>46</v>
      </c>
      <c r="B27" s="62" t="s">
        <v>51</v>
      </c>
      <c r="C27" s="60" t="s">
        <v>46</v>
      </c>
      <c r="D27" s="61" t="s">
        <v>46</v>
      </c>
      <c r="E27" s="60"/>
      <c r="F27" s="59" t="s">
        <v>46</v>
      </c>
    </row>
    <row r="28" spans="1:6" ht="11.1" customHeight="1">
      <c r="A28" s="54" t="s">
        <v>46</v>
      </c>
      <c r="B28" s="58" t="s">
        <v>46</v>
      </c>
      <c r="C28" s="56" t="s">
        <v>46</v>
      </c>
      <c r="D28" s="57" t="s">
        <v>46</v>
      </c>
      <c r="E28" s="56"/>
      <c r="F28" s="55" t="s">
        <v>46</v>
      </c>
    </row>
    <row r="29" spans="1:6" ht="11.1" customHeight="1">
      <c r="A29" s="54" t="s">
        <v>46</v>
      </c>
      <c r="B29" s="53" t="s">
        <v>46</v>
      </c>
      <c r="C29" s="51" t="s">
        <v>46</v>
      </c>
      <c r="D29" s="52" t="s">
        <v>46</v>
      </c>
      <c r="E29" s="51"/>
      <c r="F29" s="50" t="s">
        <v>46</v>
      </c>
    </row>
    <row r="30" spans="1:6" ht="11.1" customHeight="1">
      <c r="A30" s="54" t="s">
        <v>46</v>
      </c>
      <c r="B30" s="58" t="s">
        <v>46</v>
      </c>
      <c r="C30" s="56" t="s">
        <v>46</v>
      </c>
      <c r="D30" s="57" t="s">
        <v>46</v>
      </c>
      <c r="E30" s="56"/>
      <c r="F30" s="55" t="s">
        <v>46</v>
      </c>
    </row>
    <row r="31" spans="1:6" ht="11.1" customHeight="1">
      <c r="A31" s="54" t="s">
        <v>46</v>
      </c>
      <c r="B31" s="58" t="s">
        <v>46</v>
      </c>
      <c r="C31" s="56" t="s">
        <v>46</v>
      </c>
      <c r="D31" s="57" t="s">
        <v>46</v>
      </c>
      <c r="E31" s="56"/>
      <c r="F31" s="55" t="s">
        <v>46</v>
      </c>
    </row>
    <row r="32" spans="1:6" ht="11.1" customHeight="1">
      <c r="A32" s="54" t="s">
        <v>46</v>
      </c>
      <c r="B32" s="53" t="s">
        <v>46</v>
      </c>
      <c r="C32" s="51" t="s">
        <v>46</v>
      </c>
      <c r="D32" s="52" t="s">
        <v>46</v>
      </c>
      <c r="E32" s="51"/>
      <c r="F32" s="50" t="s">
        <v>46</v>
      </c>
    </row>
    <row r="33" spans="1:6" ht="11.1" customHeight="1">
      <c r="A33" s="54" t="s">
        <v>46</v>
      </c>
      <c r="B33" s="58" t="s">
        <v>50</v>
      </c>
      <c r="C33" s="56" t="s">
        <v>46</v>
      </c>
      <c r="D33" s="57" t="s">
        <v>46</v>
      </c>
      <c r="E33" s="56"/>
      <c r="F33" s="55" t="s">
        <v>46</v>
      </c>
    </row>
    <row r="34" spans="1:6" ht="11.1" customHeight="1">
      <c r="A34" s="54" t="s">
        <v>46</v>
      </c>
      <c r="B34" s="58" t="s">
        <v>46</v>
      </c>
      <c r="C34" s="56" t="s">
        <v>49</v>
      </c>
      <c r="D34" s="57" t="s">
        <v>46</v>
      </c>
      <c r="E34" s="56"/>
      <c r="F34" s="55" t="s">
        <v>46</v>
      </c>
    </row>
    <row r="35" spans="1:6" ht="11.1" customHeight="1">
      <c r="A35" s="54" t="s">
        <v>46</v>
      </c>
      <c r="B35" s="53" t="s">
        <v>46</v>
      </c>
      <c r="C35" s="51" t="s">
        <v>46</v>
      </c>
      <c r="D35" s="52" t="s">
        <v>48</v>
      </c>
      <c r="E35" s="51"/>
      <c r="F35" s="50" t="s">
        <v>46</v>
      </c>
    </row>
    <row r="36" spans="1:6" ht="11.1" customHeight="1">
      <c r="A36" s="54" t="s">
        <v>46</v>
      </c>
      <c r="B36" s="58"/>
      <c r="C36" s="56"/>
      <c r="D36" s="57"/>
      <c r="E36" s="56"/>
      <c r="F36" s="55"/>
    </row>
    <row r="37" spans="1:6" ht="11.1" customHeight="1">
      <c r="A37" s="54" t="s">
        <v>46</v>
      </c>
      <c r="B37" s="58"/>
      <c r="C37" s="56"/>
      <c r="D37" s="57"/>
      <c r="E37" s="56"/>
      <c r="F37" s="55"/>
    </row>
    <row r="38" spans="1:6" ht="11.1" customHeight="1">
      <c r="A38" s="54" t="s">
        <v>46</v>
      </c>
      <c r="B38" s="53"/>
      <c r="C38" s="51"/>
      <c r="D38" s="52"/>
      <c r="E38" s="51"/>
      <c r="F38" s="50"/>
    </row>
    <row r="39" spans="1:6" ht="11.1" customHeight="1">
      <c r="A39" s="54" t="s">
        <v>46</v>
      </c>
      <c r="B39" s="58"/>
      <c r="C39" s="56"/>
      <c r="D39" s="57"/>
      <c r="E39" s="56"/>
      <c r="F39" s="55"/>
    </row>
    <row r="40" spans="1:6" ht="11.1" customHeight="1">
      <c r="A40" s="54" t="s">
        <v>46</v>
      </c>
      <c r="B40" s="58"/>
      <c r="C40" s="56"/>
      <c r="D40" s="57"/>
      <c r="E40" s="56"/>
      <c r="F40" s="55"/>
    </row>
    <row r="41" spans="1:6" ht="11.1" customHeight="1">
      <c r="A41" s="54" t="s">
        <v>46</v>
      </c>
      <c r="B41" s="53"/>
      <c r="C41" s="51"/>
      <c r="D41" s="52"/>
      <c r="E41" s="51"/>
      <c r="F41" s="50"/>
    </row>
    <row r="42" spans="1:6" ht="11.1" customHeight="1">
      <c r="A42" s="54" t="s">
        <v>46</v>
      </c>
      <c r="B42" s="58"/>
      <c r="C42" s="56"/>
      <c r="D42" s="57"/>
      <c r="E42" s="56"/>
      <c r="F42" s="55"/>
    </row>
    <row r="43" spans="1:6" ht="11.1" customHeight="1">
      <c r="A43" s="54" t="s">
        <v>46</v>
      </c>
      <c r="B43" s="58"/>
      <c r="C43" s="56"/>
      <c r="D43" s="57"/>
      <c r="E43" s="56"/>
      <c r="F43" s="55"/>
    </row>
    <row r="44" spans="1:6" ht="11.1" customHeight="1">
      <c r="A44" s="54" t="s">
        <v>46</v>
      </c>
      <c r="B44" s="53"/>
      <c r="C44" s="51"/>
      <c r="D44" s="52"/>
      <c r="E44" s="51"/>
      <c r="F44" s="50"/>
    </row>
    <row r="45" spans="1:6" ht="11.1" customHeight="1">
      <c r="A45" s="54" t="s">
        <v>46</v>
      </c>
      <c r="B45" s="58"/>
      <c r="C45" s="56"/>
      <c r="D45" s="57"/>
      <c r="E45" s="56"/>
      <c r="F45" s="55"/>
    </row>
    <row r="46" spans="1:6" ht="11.1" customHeight="1">
      <c r="A46" s="54" t="s">
        <v>46</v>
      </c>
      <c r="B46" s="58"/>
      <c r="C46" s="56"/>
      <c r="D46" s="57"/>
      <c r="E46" s="56"/>
      <c r="F46" s="55"/>
    </row>
    <row r="47" spans="1:6" ht="11.1" customHeight="1">
      <c r="A47" s="54" t="s">
        <v>46</v>
      </c>
      <c r="B47" s="53"/>
      <c r="C47" s="51"/>
      <c r="D47" s="52"/>
      <c r="E47" s="51"/>
      <c r="F47" s="50"/>
    </row>
    <row r="48" spans="1:6" ht="11.1" customHeight="1">
      <c r="A48" s="54" t="s">
        <v>46</v>
      </c>
      <c r="B48" s="58"/>
      <c r="C48" s="56"/>
      <c r="D48" s="57"/>
      <c r="E48" s="56"/>
      <c r="F48" s="55"/>
    </row>
    <row r="49" spans="1:6" ht="11.1" customHeight="1">
      <c r="A49" s="54" t="s">
        <v>46</v>
      </c>
      <c r="B49" s="58"/>
      <c r="C49" s="56"/>
      <c r="D49" s="57"/>
      <c r="E49" s="56"/>
      <c r="F49" s="55"/>
    </row>
    <row r="50" spans="1:6" ht="11.1" customHeight="1">
      <c r="A50" s="54" t="s">
        <v>46</v>
      </c>
      <c r="B50" s="53" t="s">
        <v>46</v>
      </c>
      <c r="C50" s="51" t="s">
        <v>46</v>
      </c>
      <c r="D50" s="52"/>
      <c r="E50" s="51" t="s">
        <v>46</v>
      </c>
      <c r="F50" s="50" t="s">
        <v>46</v>
      </c>
    </row>
    <row r="51" spans="1:6" ht="0.95" customHeight="1">
      <c r="B51" s="49"/>
      <c r="C51" s="49"/>
      <c r="D51" s="49"/>
      <c r="E51" s="49"/>
      <c r="F51" s="49"/>
    </row>
  </sheetData>
  <mergeCells count="6">
    <mergeCell ref="B2:F3"/>
    <mergeCell ref="B4:B5"/>
    <mergeCell ref="C4:C5"/>
    <mergeCell ref="E4:E5"/>
    <mergeCell ref="F4:F5"/>
    <mergeCell ref="D4:D5"/>
  </mergeCells>
  <phoneticPr fontId="2"/>
  <pageMargins left="0.70866141732283472" right="0.47244094488188981" top="0.6692913385826772" bottom="0.47244094488188981" header="0.47244094488188981" footer="0.39370078740157483"/>
  <pageSetup paperSize="9" orientation="landscape" horizontalDpi="4294967294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内訳書</vt:lpstr>
      <vt:lpstr>AM工事内訳</vt:lpstr>
      <vt:lpstr>内訳書!Print_Area</vt:lpstr>
      <vt:lpstr>内訳書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9-15T06:45:21Z</cp:lastPrinted>
  <dcterms:created xsi:type="dcterms:W3CDTF">2014-06-10T00:20:59Z</dcterms:created>
  <dcterms:modified xsi:type="dcterms:W3CDTF">2021-09-21T12:17:20Z</dcterms:modified>
</cp:coreProperties>
</file>